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8" r:id="rId3"/>
    <p:sldId id="260" r:id="rId4"/>
    <p:sldId id="26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55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0DFAF4-C7B5-47DD-924B-4D67A43EF88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B759AD0-43CC-4F4E-A325-D685768D66E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396622-B2AC-473A-B238-D1E2928BEF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FD4B7D-952C-411E-997D-9410D70D5F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D7F2E2-7AA6-4BA5-8B52-F7A26E3DDB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92512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FCBDBB-8C6C-4D63-86A3-617884961E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BCF731E-6445-4C15-9DBF-97F01CC35DA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1DF55C-B1DA-44B9-8A1B-108B54ABF6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CCC6EA-E2AB-40F9-AF2A-AF89A8FBE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FFF16-A4D5-4C7B-8138-F5DC8CA1D6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223304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A9B09E2-A5FF-42E4-8905-267EF3E0678A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E00FF08-4332-4889-9A60-B91071115B3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96DCA6-6B9E-43FF-81B0-9039BCDA23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B97DE4-13B2-4EA0-9EC1-1E8D38C84E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938022-9C8C-4C6A-96FA-B8B42E4BBC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1076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BDC2C1-593C-4EF2-8B39-17E695A676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643A78-8E22-4F4A-B015-EA6600ED253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273ACD-CCB4-4748-85B4-353DF084F3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3F9A7B0-1655-4444-B30E-39C4935DC3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906AAC-FF94-4DB6-A98C-C81F2F856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56121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07BC4A-0818-4BD2-A517-32084A614C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633D967-15EF-4F60-AF75-72DB71C2911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A5A790-90B9-4944-975B-BB3F0FAE0D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8F16BB-2F27-4172-B85F-810FD1A55F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C3632D8-C051-4FB6-BD25-E89B9851C1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54418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1ACCDF-E6E9-4FBD-B39F-5085E12F6B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0C23B45-D9CA-48B4-A4E1-7F9E242CA1A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BF45F9-76A6-4C86-BAC1-E39E12872B2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A9A9E55-37E1-4705-92B8-E9EAEAB82B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E702B1D-3DB8-4A90-81B7-30F1595BC4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8189819-DB07-4E55-A792-2449C9AC03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74825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B4D747-D04F-40D7-A425-8974DBBB52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6BC1D99-C1A2-4FDC-A378-A6F4547776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CB73807-DAD0-4BFB-9CC0-8BFE285B882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16DB0B5-0B0F-49B5-A5F9-2FE1861491A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7DC6342-70DC-4972-9F6C-80DB0B62A94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DB0DD94-32E6-4874-A13B-231191DDF1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3EA5B08-FE06-4AD9-81B8-92F14505EB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42449C1-2732-416E-B5CE-5E4A15B303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730408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2DE47-AD35-4ED5-A978-1DA3CB7CCD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9D50427-A7DE-40DE-9174-AFDE54AFBE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2E8A1E-D678-448F-9F79-FEAE3C74E9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971BC4-CF47-4874-811F-112B13F868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78146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9DE7D53-64AD-45D3-A72A-C385597208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774FF1F-40AB-4BA4-B7A2-A3DFC6067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C5812EC-9EC9-46FB-96DA-66C3FB7B1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9177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F17722-59C0-4E41-A476-6B0939F229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3F1D634-E80F-4C48-8EA5-671BDDF89E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3BDF150-DD0B-4405-8470-1054FD85D4B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1F33937-B487-4898-B60C-0285C1A813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0CD344C-F0FF-4C28-BE30-2A54AC57E6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09AE59A-B805-471A-BF9F-E985A04F2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48504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45C17F-2E66-45CF-919B-694A280B72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5781B46-6E1B-4A57-9095-C111116819F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AAEDE11-D02C-4324-A2D4-37D1BF8248D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9677AC7-B9AB-4668-939F-E419EBEF43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AE3D7C2-0E45-4AFF-86EA-B4F1615DDA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2FFE98-5C25-400D-A717-4EDB56DE21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73933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3E6F749-0B40-420A-A8A9-96BCB937B3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A692F48-3DA7-43E6-ABC3-C09734DCF1C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90FC57-5635-4A4E-AEAA-448D51B396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8AFB159-DAA4-4E6E-9951-646129A55FB3}" type="datetimeFigureOut">
              <a:rPr lang="en-US" smtClean="0"/>
              <a:t>3/2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EE0C817-09DC-43C1-B9D0-D32AA7D2C0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FA375C-631A-4428-B275-3FB62C2B822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88CFABD-A7EC-488C-AA95-CA62E1738A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070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image" Target="../media/image2.png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slideLayout" Target="../slideLayouts/slideLayout7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99.xml"/><Relationship Id="rId117" Type="http://schemas.openxmlformats.org/officeDocument/2006/relationships/tags" Target="../tags/tag290.xml"/><Relationship Id="rId21" Type="http://schemas.openxmlformats.org/officeDocument/2006/relationships/tags" Target="../tags/tag194.xml"/><Relationship Id="rId42" Type="http://schemas.openxmlformats.org/officeDocument/2006/relationships/tags" Target="../tags/tag215.xml"/><Relationship Id="rId47" Type="http://schemas.openxmlformats.org/officeDocument/2006/relationships/tags" Target="../tags/tag220.xml"/><Relationship Id="rId63" Type="http://schemas.openxmlformats.org/officeDocument/2006/relationships/tags" Target="../tags/tag236.xml"/><Relationship Id="rId68" Type="http://schemas.openxmlformats.org/officeDocument/2006/relationships/tags" Target="../tags/tag241.xml"/><Relationship Id="rId84" Type="http://schemas.openxmlformats.org/officeDocument/2006/relationships/tags" Target="../tags/tag257.xml"/><Relationship Id="rId89" Type="http://schemas.openxmlformats.org/officeDocument/2006/relationships/tags" Target="../tags/tag262.xml"/><Relationship Id="rId112" Type="http://schemas.openxmlformats.org/officeDocument/2006/relationships/tags" Target="../tags/tag285.xml"/><Relationship Id="rId133" Type="http://schemas.openxmlformats.org/officeDocument/2006/relationships/tags" Target="../tags/tag306.xml"/><Relationship Id="rId138" Type="http://schemas.openxmlformats.org/officeDocument/2006/relationships/tags" Target="../tags/tag311.xml"/><Relationship Id="rId154" Type="http://schemas.openxmlformats.org/officeDocument/2006/relationships/tags" Target="../tags/tag327.xml"/><Relationship Id="rId159" Type="http://schemas.openxmlformats.org/officeDocument/2006/relationships/tags" Target="../tags/tag332.xml"/><Relationship Id="rId175" Type="http://schemas.openxmlformats.org/officeDocument/2006/relationships/tags" Target="../tags/tag348.xml"/><Relationship Id="rId170" Type="http://schemas.openxmlformats.org/officeDocument/2006/relationships/tags" Target="../tags/tag343.xml"/><Relationship Id="rId16" Type="http://schemas.openxmlformats.org/officeDocument/2006/relationships/tags" Target="../tags/tag189.xml"/><Relationship Id="rId107" Type="http://schemas.openxmlformats.org/officeDocument/2006/relationships/tags" Target="../tags/tag280.xml"/><Relationship Id="rId11" Type="http://schemas.openxmlformats.org/officeDocument/2006/relationships/tags" Target="../tags/tag184.xml"/><Relationship Id="rId32" Type="http://schemas.openxmlformats.org/officeDocument/2006/relationships/tags" Target="../tags/tag205.xml"/><Relationship Id="rId37" Type="http://schemas.openxmlformats.org/officeDocument/2006/relationships/tags" Target="../tags/tag210.xml"/><Relationship Id="rId53" Type="http://schemas.openxmlformats.org/officeDocument/2006/relationships/tags" Target="../tags/tag226.xml"/><Relationship Id="rId58" Type="http://schemas.openxmlformats.org/officeDocument/2006/relationships/tags" Target="../tags/tag231.xml"/><Relationship Id="rId74" Type="http://schemas.openxmlformats.org/officeDocument/2006/relationships/tags" Target="../tags/tag247.xml"/><Relationship Id="rId79" Type="http://schemas.openxmlformats.org/officeDocument/2006/relationships/tags" Target="../tags/tag252.xml"/><Relationship Id="rId102" Type="http://schemas.openxmlformats.org/officeDocument/2006/relationships/tags" Target="../tags/tag275.xml"/><Relationship Id="rId123" Type="http://schemas.openxmlformats.org/officeDocument/2006/relationships/tags" Target="../tags/tag296.xml"/><Relationship Id="rId128" Type="http://schemas.openxmlformats.org/officeDocument/2006/relationships/tags" Target="../tags/tag301.xml"/><Relationship Id="rId144" Type="http://schemas.openxmlformats.org/officeDocument/2006/relationships/tags" Target="../tags/tag317.xml"/><Relationship Id="rId149" Type="http://schemas.openxmlformats.org/officeDocument/2006/relationships/tags" Target="../tags/tag322.xml"/><Relationship Id="rId5" Type="http://schemas.openxmlformats.org/officeDocument/2006/relationships/tags" Target="../tags/tag178.xml"/><Relationship Id="rId90" Type="http://schemas.openxmlformats.org/officeDocument/2006/relationships/tags" Target="../tags/tag263.xml"/><Relationship Id="rId95" Type="http://schemas.openxmlformats.org/officeDocument/2006/relationships/tags" Target="../tags/tag268.xml"/><Relationship Id="rId160" Type="http://schemas.openxmlformats.org/officeDocument/2006/relationships/tags" Target="../tags/tag333.xml"/><Relationship Id="rId165" Type="http://schemas.openxmlformats.org/officeDocument/2006/relationships/tags" Target="../tags/tag338.xml"/><Relationship Id="rId181" Type="http://schemas.openxmlformats.org/officeDocument/2006/relationships/slideLayout" Target="../slideLayouts/slideLayout7.xml"/><Relationship Id="rId22" Type="http://schemas.openxmlformats.org/officeDocument/2006/relationships/tags" Target="../tags/tag195.xml"/><Relationship Id="rId27" Type="http://schemas.openxmlformats.org/officeDocument/2006/relationships/tags" Target="../tags/tag200.xml"/><Relationship Id="rId43" Type="http://schemas.openxmlformats.org/officeDocument/2006/relationships/tags" Target="../tags/tag216.xml"/><Relationship Id="rId48" Type="http://schemas.openxmlformats.org/officeDocument/2006/relationships/tags" Target="../tags/tag221.xml"/><Relationship Id="rId64" Type="http://schemas.openxmlformats.org/officeDocument/2006/relationships/tags" Target="../tags/tag237.xml"/><Relationship Id="rId69" Type="http://schemas.openxmlformats.org/officeDocument/2006/relationships/tags" Target="../tags/tag242.xml"/><Relationship Id="rId113" Type="http://schemas.openxmlformats.org/officeDocument/2006/relationships/tags" Target="../tags/tag286.xml"/><Relationship Id="rId118" Type="http://schemas.openxmlformats.org/officeDocument/2006/relationships/tags" Target="../tags/tag291.xml"/><Relationship Id="rId134" Type="http://schemas.openxmlformats.org/officeDocument/2006/relationships/tags" Target="../tags/tag307.xml"/><Relationship Id="rId139" Type="http://schemas.openxmlformats.org/officeDocument/2006/relationships/tags" Target="../tags/tag312.xml"/><Relationship Id="rId80" Type="http://schemas.openxmlformats.org/officeDocument/2006/relationships/tags" Target="../tags/tag253.xml"/><Relationship Id="rId85" Type="http://schemas.openxmlformats.org/officeDocument/2006/relationships/tags" Target="../tags/tag258.xml"/><Relationship Id="rId150" Type="http://schemas.openxmlformats.org/officeDocument/2006/relationships/tags" Target="../tags/tag323.xml"/><Relationship Id="rId155" Type="http://schemas.openxmlformats.org/officeDocument/2006/relationships/tags" Target="../tags/tag328.xml"/><Relationship Id="rId171" Type="http://schemas.openxmlformats.org/officeDocument/2006/relationships/tags" Target="../tags/tag344.xml"/><Relationship Id="rId176" Type="http://schemas.openxmlformats.org/officeDocument/2006/relationships/tags" Target="../tags/tag349.xml"/><Relationship Id="rId12" Type="http://schemas.openxmlformats.org/officeDocument/2006/relationships/tags" Target="../tags/tag185.xml"/><Relationship Id="rId17" Type="http://schemas.openxmlformats.org/officeDocument/2006/relationships/tags" Target="../tags/tag190.xml"/><Relationship Id="rId33" Type="http://schemas.openxmlformats.org/officeDocument/2006/relationships/tags" Target="../tags/tag206.xml"/><Relationship Id="rId38" Type="http://schemas.openxmlformats.org/officeDocument/2006/relationships/tags" Target="../tags/tag211.xml"/><Relationship Id="rId59" Type="http://schemas.openxmlformats.org/officeDocument/2006/relationships/tags" Target="../tags/tag232.xml"/><Relationship Id="rId103" Type="http://schemas.openxmlformats.org/officeDocument/2006/relationships/tags" Target="../tags/tag276.xml"/><Relationship Id="rId108" Type="http://schemas.openxmlformats.org/officeDocument/2006/relationships/tags" Target="../tags/tag281.xml"/><Relationship Id="rId124" Type="http://schemas.openxmlformats.org/officeDocument/2006/relationships/tags" Target="../tags/tag297.xml"/><Relationship Id="rId129" Type="http://schemas.openxmlformats.org/officeDocument/2006/relationships/tags" Target="../tags/tag302.xml"/><Relationship Id="rId54" Type="http://schemas.openxmlformats.org/officeDocument/2006/relationships/tags" Target="../tags/tag227.xml"/><Relationship Id="rId70" Type="http://schemas.openxmlformats.org/officeDocument/2006/relationships/tags" Target="../tags/tag243.xml"/><Relationship Id="rId75" Type="http://schemas.openxmlformats.org/officeDocument/2006/relationships/tags" Target="../tags/tag248.xml"/><Relationship Id="rId91" Type="http://schemas.openxmlformats.org/officeDocument/2006/relationships/tags" Target="../tags/tag264.xml"/><Relationship Id="rId96" Type="http://schemas.openxmlformats.org/officeDocument/2006/relationships/tags" Target="../tags/tag269.xml"/><Relationship Id="rId140" Type="http://schemas.openxmlformats.org/officeDocument/2006/relationships/tags" Target="../tags/tag313.xml"/><Relationship Id="rId145" Type="http://schemas.openxmlformats.org/officeDocument/2006/relationships/tags" Target="../tags/tag318.xml"/><Relationship Id="rId161" Type="http://schemas.openxmlformats.org/officeDocument/2006/relationships/tags" Target="../tags/tag334.xml"/><Relationship Id="rId166" Type="http://schemas.openxmlformats.org/officeDocument/2006/relationships/tags" Target="../tags/tag339.xml"/><Relationship Id="rId182" Type="http://schemas.openxmlformats.org/officeDocument/2006/relationships/image" Target="../media/image2.png"/><Relationship Id="rId1" Type="http://schemas.openxmlformats.org/officeDocument/2006/relationships/tags" Target="../tags/tag174.xml"/><Relationship Id="rId6" Type="http://schemas.openxmlformats.org/officeDocument/2006/relationships/tags" Target="../tags/tag179.xml"/><Relationship Id="rId23" Type="http://schemas.openxmlformats.org/officeDocument/2006/relationships/tags" Target="../tags/tag196.xml"/><Relationship Id="rId28" Type="http://schemas.openxmlformats.org/officeDocument/2006/relationships/tags" Target="../tags/tag201.xml"/><Relationship Id="rId49" Type="http://schemas.openxmlformats.org/officeDocument/2006/relationships/tags" Target="../tags/tag222.xml"/><Relationship Id="rId114" Type="http://schemas.openxmlformats.org/officeDocument/2006/relationships/tags" Target="../tags/tag287.xml"/><Relationship Id="rId119" Type="http://schemas.openxmlformats.org/officeDocument/2006/relationships/tags" Target="../tags/tag292.xml"/><Relationship Id="rId44" Type="http://schemas.openxmlformats.org/officeDocument/2006/relationships/tags" Target="../tags/tag217.xml"/><Relationship Id="rId60" Type="http://schemas.openxmlformats.org/officeDocument/2006/relationships/tags" Target="../tags/tag233.xml"/><Relationship Id="rId65" Type="http://schemas.openxmlformats.org/officeDocument/2006/relationships/tags" Target="../tags/tag238.xml"/><Relationship Id="rId81" Type="http://schemas.openxmlformats.org/officeDocument/2006/relationships/tags" Target="../tags/tag254.xml"/><Relationship Id="rId86" Type="http://schemas.openxmlformats.org/officeDocument/2006/relationships/tags" Target="../tags/tag259.xml"/><Relationship Id="rId130" Type="http://schemas.openxmlformats.org/officeDocument/2006/relationships/tags" Target="../tags/tag303.xml"/><Relationship Id="rId135" Type="http://schemas.openxmlformats.org/officeDocument/2006/relationships/tags" Target="../tags/tag308.xml"/><Relationship Id="rId151" Type="http://schemas.openxmlformats.org/officeDocument/2006/relationships/tags" Target="../tags/tag324.xml"/><Relationship Id="rId156" Type="http://schemas.openxmlformats.org/officeDocument/2006/relationships/tags" Target="../tags/tag329.xml"/><Relationship Id="rId177" Type="http://schemas.openxmlformats.org/officeDocument/2006/relationships/tags" Target="../tags/tag350.xml"/><Relationship Id="rId4" Type="http://schemas.openxmlformats.org/officeDocument/2006/relationships/tags" Target="../tags/tag177.xml"/><Relationship Id="rId9" Type="http://schemas.openxmlformats.org/officeDocument/2006/relationships/tags" Target="../tags/tag182.xml"/><Relationship Id="rId172" Type="http://schemas.openxmlformats.org/officeDocument/2006/relationships/tags" Target="../tags/tag345.xml"/><Relationship Id="rId180" Type="http://schemas.openxmlformats.org/officeDocument/2006/relationships/tags" Target="../tags/tag353.xml"/><Relationship Id="rId13" Type="http://schemas.openxmlformats.org/officeDocument/2006/relationships/tags" Target="../tags/tag186.xml"/><Relationship Id="rId18" Type="http://schemas.openxmlformats.org/officeDocument/2006/relationships/tags" Target="../tags/tag191.xml"/><Relationship Id="rId39" Type="http://schemas.openxmlformats.org/officeDocument/2006/relationships/tags" Target="../tags/tag212.xml"/><Relationship Id="rId109" Type="http://schemas.openxmlformats.org/officeDocument/2006/relationships/tags" Target="../tags/tag282.xml"/><Relationship Id="rId34" Type="http://schemas.openxmlformats.org/officeDocument/2006/relationships/tags" Target="../tags/tag207.xml"/><Relationship Id="rId50" Type="http://schemas.openxmlformats.org/officeDocument/2006/relationships/tags" Target="../tags/tag223.xml"/><Relationship Id="rId55" Type="http://schemas.openxmlformats.org/officeDocument/2006/relationships/tags" Target="../tags/tag228.xml"/><Relationship Id="rId76" Type="http://schemas.openxmlformats.org/officeDocument/2006/relationships/tags" Target="../tags/tag249.xml"/><Relationship Id="rId97" Type="http://schemas.openxmlformats.org/officeDocument/2006/relationships/tags" Target="../tags/tag270.xml"/><Relationship Id="rId104" Type="http://schemas.openxmlformats.org/officeDocument/2006/relationships/tags" Target="../tags/tag277.xml"/><Relationship Id="rId120" Type="http://schemas.openxmlformats.org/officeDocument/2006/relationships/tags" Target="../tags/tag293.xml"/><Relationship Id="rId125" Type="http://schemas.openxmlformats.org/officeDocument/2006/relationships/tags" Target="../tags/tag298.xml"/><Relationship Id="rId141" Type="http://schemas.openxmlformats.org/officeDocument/2006/relationships/tags" Target="../tags/tag314.xml"/><Relationship Id="rId146" Type="http://schemas.openxmlformats.org/officeDocument/2006/relationships/tags" Target="../tags/tag319.xml"/><Relationship Id="rId167" Type="http://schemas.openxmlformats.org/officeDocument/2006/relationships/tags" Target="../tags/tag340.xml"/><Relationship Id="rId7" Type="http://schemas.openxmlformats.org/officeDocument/2006/relationships/tags" Target="../tags/tag180.xml"/><Relationship Id="rId71" Type="http://schemas.openxmlformats.org/officeDocument/2006/relationships/tags" Target="../tags/tag244.xml"/><Relationship Id="rId92" Type="http://schemas.openxmlformats.org/officeDocument/2006/relationships/tags" Target="../tags/tag265.xml"/><Relationship Id="rId162" Type="http://schemas.openxmlformats.org/officeDocument/2006/relationships/tags" Target="../tags/tag335.xml"/><Relationship Id="rId2" Type="http://schemas.openxmlformats.org/officeDocument/2006/relationships/tags" Target="../tags/tag175.xml"/><Relationship Id="rId29" Type="http://schemas.openxmlformats.org/officeDocument/2006/relationships/tags" Target="../tags/tag202.xml"/><Relationship Id="rId24" Type="http://schemas.openxmlformats.org/officeDocument/2006/relationships/tags" Target="../tags/tag197.xml"/><Relationship Id="rId40" Type="http://schemas.openxmlformats.org/officeDocument/2006/relationships/tags" Target="../tags/tag213.xml"/><Relationship Id="rId45" Type="http://schemas.openxmlformats.org/officeDocument/2006/relationships/tags" Target="../tags/tag218.xml"/><Relationship Id="rId66" Type="http://schemas.openxmlformats.org/officeDocument/2006/relationships/tags" Target="../tags/tag239.xml"/><Relationship Id="rId87" Type="http://schemas.openxmlformats.org/officeDocument/2006/relationships/tags" Target="../tags/tag260.xml"/><Relationship Id="rId110" Type="http://schemas.openxmlformats.org/officeDocument/2006/relationships/tags" Target="../tags/tag283.xml"/><Relationship Id="rId115" Type="http://schemas.openxmlformats.org/officeDocument/2006/relationships/tags" Target="../tags/tag288.xml"/><Relationship Id="rId131" Type="http://schemas.openxmlformats.org/officeDocument/2006/relationships/tags" Target="../tags/tag304.xml"/><Relationship Id="rId136" Type="http://schemas.openxmlformats.org/officeDocument/2006/relationships/tags" Target="../tags/tag309.xml"/><Relationship Id="rId157" Type="http://schemas.openxmlformats.org/officeDocument/2006/relationships/tags" Target="../tags/tag330.xml"/><Relationship Id="rId178" Type="http://schemas.openxmlformats.org/officeDocument/2006/relationships/tags" Target="../tags/tag351.xml"/><Relationship Id="rId61" Type="http://schemas.openxmlformats.org/officeDocument/2006/relationships/tags" Target="../tags/tag234.xml"/><Relationship Id="rId82" Type="http://schemas.openxmlformats.org/officeDocument/2006/relationships/tags" Target="../tags/tag255.xml"/><Relationship Id="rId152" Type="http://schemas.openxmlformats.org/officeDocument/2006/relationships/tags" Target="../tags/tag325.xml"/><Relationship Id="rId173" Type="http://schemas.openxmlformats.org/officeDocument/2006/relationships/tags" Target="../tags/tag346.xml"/><Relationship Id="rId19" Type="http://schemas.openxmlformats.org/officeDocument/2006/relationships/tags" Target="../tags/tag192.xml"/><Relationship Id="rId14" Type="http://schemas.openxmlformats.org/officeDocument/2006/relationships/tags" Target="../tags/tag187.xml"/><Relationship Id="rId30" Type="http://schemas.openxmlformats.org/officeDocument/2006/relationships/tags" Target="../tags/tag203.xml"/><Relationship Id="rId35" Type="http://schemas.openxmlformats.org/officeDocument/2006/relationships/tags" Target="../tags/tag208.xml"/><Relationship Id="rId56" Type="http://schemas.openxmlformats.org/officeDocument/2006/relationships/tags" Target="../tags/tag229.xml"/><Relationship Id="rId77" Type="http://schemas.openxmlformats.org/officeDocument/2006/relationships/tags" Target="../tags/tag250.xml"/><Relationship Id="rId100" Type="http://schemas.openxmlformats.org/officeDocument/2006/relationships/tags" Target="../tags/tag273.xml"/><Relationship Id="rId105" Type="http://schemas.openxmlformats.org/officeDocument/2006/relationships/tags" Target="../tags/tag278.xml"/><Relationship Id="rId126" Type="http://schemas.openxmlformats.org/officeDocument/2006/relationships/tags" Target="../tags/tag299.xml"/><Relationship Id="rId147" Type="http://schemas.openxmlformats.org/officeDocument/2006/relationships/tags" Target="../tags/tag320.xml"/><Relationship Id="rId168" Type="http://schemas.openxmlformats.org/officeDocument/2006/relationships/tags" Target="../tags/tag341.xml"/><Relationship Id="rId8" Type="http://schemas.openxmlformats.org/officeDocument/2006/relationships/tags" Target="../tags/tag181.xml"/><Relationship Id="rId51" Type="http://schemas.openxmlformats.org/officeDocument/2006/relationships/tags" Target="../tags/tag224.xml"/><Relationship Id="rId72" Type="http://schemas.openxmlformats.org/officeDocument/2006/relationships/tags" Target="../tags/tag245.xml"/><Relationship Id="rId93" Type="http://schemas.openxmlformats.org/officeDocument/2006/relationships/tags" Target="../tags/tag266.xml"/><Relationship Id="rId98" Type="http://schemas.openxmlformats.org/officeDocument/2006/relationships/tags" Target="../tags/tag271.xml"/><Relationship Id="rId121" Type="http://schemas.openxmlformats.org/officeDocument/2006/relationships/tags" Target="../tags/tag294.xml"/><Relationship Id="rId142" Type="http://schemas.openxmlformats.org/officeDocument/2006/relationships/tags" Target="../tags/tag315.xml"/><Relationship Id="rId163" Type="http://schemas.openxmlformats.org/officeDocument/2006/relationships/tags" Target="../tags/tag336.xml"/><Relationship Id="rId3" Type="http://schemas.openxmlformats.org/officeDocument/2006/relationships/tags" Target="../tags/tag176.xml"/><Relationship Id="rId25" Type="http://schemas.openxmlformats.org/officeDocument/2006/relationships/tags" Target="../tags/tag198.xml"/><Relationship Id="rId46" Type="http://schemas.openxmlformats.org/officeDocument/2006/relationships/tags" Target="../tags/tag219.xml"/><Relationship Id="rId67" Type="http://schemas.openxmlformats.org/officeDocument/2006/relationships/tags" Target="../tags/tag240.xml"/><Relationship Id="rId116" Type="http://schemas.openxmlformats.org/officeDocument/2006/relationships/tags" Target="../tags/tag289.xml"/><Relationship Id="rId137" Type="http://schemas.openxmlformats.org/officeDocument/2006/relationships/tags" Target="../tags/tag310.xml"/><Relationship Id="rId158" Type="http://schemas.openxmlformats.org/officeDocument/2006/relationships/tags" Target="../tags/tag331.xml"/><Relationship Id="rId20" Type="http://schemas.openxmlformats.org/officeDocument/2006/relationships/tags" Target="../tags/tag193.xml"/><Relationship Id="rId41" Type="http://schemas.openxmlformats.org/officeDocument/2006/relationships/tags" Target="../tags/tag214.xml"/><Relationship Id="rId62" Type="http://schemas.openxmlformats.org/officeDocument/2006/relationships/tags" Target="../tags/tag235.xml"/><Relationship Id="rId83" Type="http://schemas.openxmlformats.org/officeDocument/2006/relationships/tags" Target="../tags/tag256.xml"/><Relationship Id="rId88" Type="http://schemas.openxmlformats.org/officeDocument/2006/relationships/tags" Target="../tags/tag261.xml"/><Relationship Id="rId111" Type="http://schemas.openxmlformats.org/officeDocument/2006/relationships/tags" Target="../tags/tag284.xml"/><Relationship Id="rId132" Type="http://schemas.openxmlformats.org/officeDocument/2006/relationships/tags" Target="../tags/tag305.xml"/><Relationship Id="rId153" Type="http://schemas.openxmlformats.org/officeDocument/2006/relationships/tags" Target="../tags/tag326.xml"/><Relationship Id="rId174" Type="http://schemas.openxmlformats.org/officeDocument/2006/relationships/tags" Target="../tags/tag347.xml"/><Relationship Id="rId179" Type="http://schemas.openxmlformats.org/officeDocument/2006/relationships/tags" Target="../tags/tag352.xml"/><Relationship Id="rId15" Type="http://schemas.openxmlformats.org/officeDocument/2006/relationships/tags" Target="../tags/tag188.xml"/><Relationship Id="rId36" Type="http://schemas.openxmlformats.org/officeDocument/2006/relationships/tags" Target="../tags/tag209.xml"/><Relationship Id="rId57" Type="http://schemas.openxmlformats.org/officeDocument/2006/relationships/tags" Target="../tags/tag230.xml"/><Relationship Id="rId106" Type="http://schemas.openxmlformats.org/officeDocument/2006/relationships/tags" Target="../tags/tag279.xml"/><Relationship Id="rId127" Type="http://schemas.openxmlformats.org/officeDocument/2006/relationships/tags" Target="../tags/tag300.xml"/><Relationship Id="rId10" Type="http://schemas.openxmlformats.org/officeDocument/2006/relationships/tags" Target="../tags/tag183.xml"/><Relationship Id="rId31" Type="http://schemas.openxmlformats.org/officeDocument/2006/relationships/tags" Target="../tags/tag204.xml"/><Relationship Id="rId52" Type="http://schemas.openxmlformats.org/officeDocument/2006/relationships/tags" Target="../tags/tag225.xml"/><Relationship Id="rId73" Type="http://schemas.openxmlformats.org/officeDocument/2006/relationships/tags" Target="../tags/tag246.xml"/><Relationship Id="rId78" Type="http://schemas.openxmlformats.org/officeDocument/2006/relationships/tags" Target="../tags/tag251.xml"/><Relationship Id="rId94" Type="http://schemas.openxmlformats.org/officeDocument/2006/relationships/tags" Target="../tags/tag267.xml"/><Relationship Id="rId99" Type="http://schemas.openxmlformats.org/officeDocument/2006/relationships/tags" Target="../tags/tag272.xml"/><Relationship Id="rId101" Type="http://schemas.openxmlformats.org/officeDocument/2006/relationships/tags" Target="../tags/tag274.xml"/><Relationship Id="rId122" Type="http://schemas.openxmlformats.org/officeDocument/2006/relationships/tags" Target="../tags/tag295.xml"/><Relationship Id="rId143" Type="http://schemas.openxmlformats.org/officeDocument/2006/relationships/tags" Target="../tags/tag316.xml"/><Relationship Id="rId148" Type="http://schemas.openxmlformats.org/officeDocument/2006/relationships/tags" Target="../tags/tag321.xml"/><Relationship Id="rId164" Type="http://schemas.openxmlformats.org/officeDocument/2006/relationships/tags" Target="../tags/tag337.xml"/><Relationship Id="rId169" Type="http://schemas.openxmlformats.org/officeDocument/2006/relationships/tags" Target="../tags/tag34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379.xml"/><Relationship Id="rId117" Type="http://schemas.openxmlformats.org/officeDocument/2006/relationships/tags" Target="../tags/tag470.xml"/><Relationship Id="rId21" Type="http://schemas.openxmlformats.org/officeDocument/2006/relationships/tags" Target="../tags/tag374.xml"/><Relationship Id="rId42" Type="http://schemas.openxmlformats.org/officeDocument/2006/relationships/tags" Target="../tags/tag395.xml"/><Relationship Id="rId47" Type="http://schemas.openxmlformats.org/officeDocument/2006/relationships/tags" Target="../tags/tag400.xml"/><Relationship Id="rId63" Type="http://schemas.openxmlformats.org/officeDocument/2006/relationships/tags" Target="../tags/tag416.xml"/><Relationship Id="rId68" Type="http://schemas.openxmlformats.org/officeDocument/2006/relationships/tags" Target="../tags/tag421.xml"/><Relationship Id="rId84" Type="http://schemas.openxmlformats.org/officeDocument/2006/relationships/tags" Target="../tags/tag437.xml"/><Relationship Id="rId89" Type="http://schemas.openxmlformats.org/officeDocument/2006/relationships/tags" Target="../tags/tag442.xml"/><Relationship Id="rId112" Type="http://schemas.openxmlformats.org/officeDocument/2006/relationships/tags" Target="../tags/tag465.xml"/><Relationship Id="rId16" Type="http://schemas.openxmlformats.org/officeDocument/2006/relationships/tags" Target="../tags/tag369.xml"/><Relationship Id="rId107" Type="http://schemas.openxmlformats.org/officeDocument/2006/relationships/tags" Target="../tags/tag460.xml"/><Relationship Id="rId11" Type="http://schemas.openxmlformats.org/officeDocument/2006/relationships/tags" Target="../tags/tag364.xml"/><Relationship Id="rId32" Type="http://schemas.openxmlformats.org/officeDocument/2006/relationships/tags" Target="../tags/tag385.xml"/><Relationship Id="rId37" Type="http://schemas.openxmlformats.org/officeDocument/2006/relationships/tags" Target="../tags/tag390.xml"/><Relationship Id="rId53" Type="http://schemas.openxmlformats.org/officeDocument/2006/relationships/tags" Target="../tags/tag406.xml"/><Relationship Id="rId58" Type="http://schemas.openxmlformats.org/officeDocument/2006/relationships/tags" Target="../tags/tag411.xml"/><Relationship Id="rId74" Type="http://schemas.openxmlformats.org/officeDocument/2006/relationships/tags" Target="../tags/tag427.xml"/><Relationship Id="rId79" Type="http://schemas.openxmlformats.org/officeDocument/2006/relationships/tags" Target="../tags/tag432.xml"/><Relationship Id="rId102" Type="http://schemas.openxmlformats.org/officeDocument/2006/relationships/tags" Target="../tags/tag455.xml"/><Relationship Id="rId123" Type="http://schemas.openxmlformats.org/officeDocument/2006/relationships/tags" Target="../tags/tag476.xml"/><Relationship Id="rId128" Type="http://schemas.openxmlformats.org/officeDocument/2006/relationships/tags" Target="../tags/tag481.xml"/><Relationship Id="rId5" Type="http://schemas.openxmlformats.org/officeDocument/2006/relationships/tags" Target="../tags/tag358.xml"/><Relationship Id="rId90" Type="http://schemas.openxmlformats.org/officeDocument/2006/relationships/tags" Target="../tags/tag443.xml"/><Relationship Id="rId95" Type="http://schemas.openxmlformats.org/officeDocument/2006/relationships/tags" Target="../tags/tag448.xml"/><Relationship Id="rId19" Type="http://schemas.openxmlformats.org/officeDocument/2006/relationships/tags" Target="../tags/tag372.xml"/><Relationship Id="rId14" Type="http://schemas.openxmlformats.org/officeDocument/2006/relationships/tags" Target="../tags/tag367.xml"/><Relationship Id="rId22" Type="http://schemas.openxmlformats.org/officeDocument/2006/relationships/tags" Target="../tags/tag375.xml"/><Relationship Id="rId27" Type="http://schemas.openxmlformats.org/officeDocument/2006/relationships/tags" Target="../tags/tag380.xml"/><Relationship Id="rId30" Type="http://schemas.openxmlformats.org/officeDocument/2006/relationships/tags" Target="../tags/tag383.xml"/><Relationship Id="rId35" Type="http://schemas.openxmlformats.org/officeDocument/2006/relationships/tags" Target="../tags/tag388.xml"/><Relationship Id="rId43" Type="http://schemas.openxmlformats.org/officeDocument/2006/relationships/tags" Target="../tags/tag396.xml"/><Relationship Id="rId48" Type="http://schemas.openxmlformats.org/officeDocument/2006/relationships/tags" Target="../tags/tag401.xml"/><Relationship Id="rId56" Type="http://schemas.openxmlformats.org/officeDocument/2006/relationships/tags" Target="../tags/tag409.xml"/><Relationship Id="rId64" Type="http://schemas.openxmlformats.org/officeDocument/2006/relationships/tags" Target="../tags/tag417.xml"/><Relationship Id="rId69" Type="http://schemas.openxmlformats.org/officeDocument/2006/relationships/tags" Target="../tags/tag422.xml"/><Relationship Id="rId77" Type="http://schemas.openxmlformats.org/officeDocument/2006/relationships/tags" Target="../tags/tag430.xml"/><Relationship Id="rId100" Type="http://schemas.openxmlformats.org/officeDocument/2006/relationships/tags" Target="../tags/tag453.xml"/><Relationship Id="rId105" Type="http://schemas.openxmlformats.org/officeDocument/2006/relationships/tags" Target="../tags/tag458.xml"/><Relationship Id="rId113" Type="http://schemas.openxmlformats.org/officeDocument/2006/relationships/tags" Target="../tags/tag466.xml"/><Relationship Id="rId118" Type="http://schemas.openxmlformats.org/officeDocument/2006/relationships/tags" Target="../tags/tag471.xml"/><Relationship Id="rId126" Type="http://schemas.openxmlformats.org/officeDocument/2006/relationships/tags" Target="../tags/tag479.xml"/><Relationship Id="rId8" Type="http://schemas.openxmlformats.org/officeDocument/2006/relationships/tags" Target="../tags/tag361.xml"/><Relationship Id="rId51" Type="http://schemas.openxmlformats.org/officeDocument/2006/relationships/tags" Target="../tags/tag404.xml"/><Relationship Id="rId72" Type="http://schemas.openxmlformats.org/officeDocument/2006/relationships/tags" Target="../tags/tag425.xml"/><Relationship Id="rId80" Type="http://schemas.openxmlformats.org/officeDocument/2006/relationships/tags" Target="../tags/tag433.xml"/><Relationship Id="rId85" Type="http://schemas.openxmlformats.org/officeDocument/2006/relationships/tags" Target="../tags/tag438.xml"/><Relationship Id="rId93" Type="http://schemas.openxmlformats.org/officeDocument/2006/relationships/tags" Target="../tags/tag446.xml"/><Relationship Id="rId98" Type="http://schemas.openxmlformats.org/officeDocument/2006/relationships/tags" Target="../tags/tag451.xml"/><Relationship Id="rId121" Type="http://schemas.openxmlformats.org/officeDocument/2006/relationships/tags" Target="../tags/tag474.xml"/><Relationship Id="rId3" Type="http://schemas.openxmlformats.org/officeDocument/2006/relationships/tags" Target="../tags/tag356.xml"/><Relationship Id="rId12" Type="http://schemas.openxmlformats.org/officeDocument/2006/relationships/tags" Target="../tags/tag365.xml"/><Relationship Id="rId17" Type="http://schemas.openxmlformats.org/officeDocument/2006/relationships/tags" Target="../tags/tag370.xml"/><Relationship Id="rId25" Type="http://schemas.openxmlformats.org/officeDocument/2006/relationships/tags" Target="../tags/tag378.xml"/><Relationship Id="rId33" Type="http://schemas.openxmlformats.org/officeDocument/2006/relationships/tags" Target="../tags/tag386.xml"/><Relationship Id="rId38" Type="http://schemas.openxmlformats.org/officeDocument/2006/relationships/tags" Target="../tags/tag391.xml"/><Relationship Id="rId46" Type="http://schemas.openxmlformats.org/officeDocument/2006/relationships/tags" Target="../tags/tag399.xml"/><Relationship Id="rId59" Type="http://schemas.openxmlformats.org/officeDocument/2006/relationships/tags" Target="../tags/tag412.xml"/><Relationship Id="rId67" Type="http://schemas.openxmlformats.org/officeDocument/2006/relationships/tags" Target="../tags/tag420.xml"/><Relationship Id="rId103" Type="http://schemas.openxmlformats.org/officeDocument/2006/relationships/tags" Target="../tags/tag456.xml"/><Relationship Id="rId108" Type="http://schemas.openxmlformats.org/officeDocument/2006/relationships/tags" Target="../tags/tag461.xml"/><Relationship Id="rId116" Type="http://schemas.openxmlformats.org/officeDocument/2006/relationships/tags" Target="../tags/tag469.xml"/><Relationship Id="rId124" Type="http://schemas.openxmlformats.org/officeDocument/2006/relationships/tags" Target="../tags/tag477.xml"/><Relationship Id="rId129" Type="http://schemas.openxmlformats.org/officeDocument/2006/relationships/tags" Target="../tags/tag482.xml"/><Relationship Id="rId20" Type="http://schemas.openxmlformats.org/officeDocument/2006/relationships/tags" Target="../tags/tag373.xml"/><Relationship Id="rId41" Type="http://schemas.openxmlformats.org/officeDocument/2006/relationships/tags" Target="../tags/tag394.xml"/><Relationship Id="rId54" Type="http://schemas.openxmlformats.org/officeDocument/2006/relationships/tags" Target="../tags/tag407.xml"/><Relationship Id="rId62" Type="http://schemas.openxmlformats.org/officeDocument/2006/relationships/tags" Target="../tags/tag415.xml"/><Relationship Id="rId70" Type="http://schemas.openxmlformats.org/officeDocument/2006/relationships/tags" Target="../tags/tag423.xml"/><Relationship Id="rId75" Type="http://schemas.openxmlformats.org/officeDocument/2006/relationships/tags" Target="../tags/tag428.xml"/><Relationship Id="rId83" Type="http://schemas.openxmlformats.org/officeDocument/2006/relationships/tags" Target="../tags/tag436.xml"/><Relationship Id="rId88" Type="http://schemas.openxmlformats.org/officeDocument/2006/relationships/tags" Target="../tags/tag441.xml"/><Relationship Id="rId91" Type="http://schemas.openxmlformats.org/officeDocument/2006/relationships/tags" Target="../tags/tag444.xml"/><Relationship Id="rId96" Type="http://schemas.openxmlformats.org/officeDocument/2006/relationships/tags" Target="../tags/tag449.xml"/><Relationship Id="rId111" Type="http://schemas.openxmlformats.org/officeDocument/2006/relationships/tags" Target="../tags/tag464.xml"/><Relationship Id="rId1" Type="http://schemas.openxmlformats.org/officeDocument/2006/relationships/tags" Target="../tags/tag354.xml"/><Relationship Id="rId6" Type="http://schemas.openxmlformats.org/officeDocument/2006/relationships/tags" Target="../tags/tag359.xml"/><Relationship Id="rId15" Type="http://schemas.openxmlformats.org/officeDocument/2006/relationships/tags" Target="../tags/tag368.xml"/><Relationship Id="rId23" Type="http://schemas.openxmlformats.org/officeDocument/2006/relationships/tags" Target="../tags/tag376.xml"/><Relationship Id="rId28" Type="http://schemas.openxmlformats.org/officeDocument/2006/relationships/tags" Target="../tags/tag381.xml"/><Relationship Id="rId36" Type="http://schemas.openxmlformats.org/officeDocument/2006/relationships/tags" Target="../tags/tag389.xml"/><Relationship Id="rId49" Type="http://schemas.openxmlformats.org/officeDocument/2006/relationships/tags" Target="../tags/tag402.xml"/><Relationship Id="rId57" Type="http://schemas.openxmlformats.org/officeDocument/2006/relationships/tags" Target="../tags/tag410.xml"/><Relationship Id="rId106" Type="http://schemas.openxmlformats.org/officeDocument/2006/relationships/tags" Target="../tags/tag459.xml"/><Relationship Id="rId114" Type="http://schemas.openxmlformats.org/officeDocument/2006/relationships/tags" Target="../tags/tag467.xml"/><Relationship Id="rId119" Type="http://schemas.openxmlformats.org/officeDocument/2006/relationships/tags" Target="../tags/tag472.xml"/><Relationship Id="rId127" Type="http://schemas.openxmlformats.org/officeDocument/2006/relationships/tags" Target="../tags/tag480.xml"/><Relationship Id="rId10" Type="http://schemas.openxmlformats.org/officeDocument/2006/relationships/tags" Target="../tags/tag363.xml"/><Relationship Id="rId31" Type="http://schemas.openxmlformats.org/officeDocument/2006/relationships/tags" Target="../tags/tag384.xml"/><Relationship Id="rId44" Type="http://schemas.openxmlformats.org/officeDocument/2006/relationships/tags" Target="../tags/tag397.xml"/><Relationship Id="rId52" Type="http://schemas.openxmlformats.org/officeDocument/2006/relationships/tags" Target="../tags/tag405.xml"/><Relationship Id="rId60" Type="http://schemas.openxmlformats.org/officeDocument/2006/relationships/tags" Target="../tags/tag413.xml"/><Relationship Id="rId65" Type="http://schemas.openxmlformats.org/officeDocument/2006/relationships/tags" Target="../tags/tag418.xml"/><Relationship Id="rId73" Type="http://schemas.openxmlformats.org/officeDocument/2006/relationships/tags" Target="../tags/tag426.xml"/><Relationship Id="rId78" Type="http://schemas.openxmlformats.org/officeDocument/2006/relationships/tags" Target="../tags/tag431.xml"/><Relationship Id="rId81" Type="http://schemas.openxmlformats.org/officeDocument/2006/relationships/tags" Target="../tags/tag434.xml"/><Relationship Id="rId86" Type="http://schemas.openxmlformats.org/officeDocument/2006/relationships/tags" Target="../tags/tag439.xml"/><Relationship Id="rId94" Type="http://schemas.openxmlformats.org/officeDocument/2006/relationships/tags" Target="../tags/tag447.xml"/><Relationship Id="rId99" Type="http://schemas.openxmlformats.org/officeDocument/2006/relationships/tags" Target="../tags/tag452.xml"/><Relationship Id="rId101" Type="http://schemas.openxmlformats.org/officeDocument/2006/relationships/tags" Target="../tags/tag454.xml"/><Relationship Id="rId122" Type="http://schemas.openxmlformats.org/officeDocument/2006/relationships/tags" Target="../tags/tag475.xml"/><Relationship Id="rId130" Type="http://schemas.openxmlformats.org/officeDocument/2006/relationships/slideLayout" Target="../slideLayouts/slideLayout7.xml"/><Relationship Id="rId4" Type="http://schemas.openxmlformats.org/officeDocument/2006/relationships/tags" Target="../tags/tag357.xml"/><Relationship Id="rId9" Type="http://schemas.openxmlformats.org/officeDocument/2006/relationships/tags" Target="../tags/tag362.xml"/><Relationship Id="rId13" Type="http://schemas.openxmlformats.org/officeDocument/2006/relationships/tags" Target="../tags/tag366.xml"/><Relationship Id="rId18" Type="http://schemas.openxmlformats.org/officeDocument/2006/relationships/tags" Target="../tags/tag371.xml"/><Relationship Id="rId39" Type="http://schemas.openxmlformats.org/officeDocument/2006/relationships/tags" Target="../tags/tag392.xml"/><Relationship Id="rId109" Type="http://schemas.openxmlformats.org/officeDocument/2006/relationships/tags" Target="../tags/tag462.xml"/><Relationship Id="rId34" Type="http://schemas.openxmlformats.org/officeDocument/2006/relationships/tags" Target="../tags/tag387.xml"/><Relationship Id="rId50" Type="http://schemas.openxmlformats.org/officeDocument/2006/relationships/tags" Target="../tags/tag403.xml"/><Relationship Id="rId55" Type="http://schemas.openxmlformats.org/officeDocument/2006/relationships/tags" Target="../tags/tag408.xml"/><Relationship Id="rId76" Type="http://schemas.openxmlformats.org/officeDocument/2006/relationships/tags" Target="../tags/tag429.xml"/><Relationship Id="rId97" Type="http://schemas.openxmlformats.org/officeDocument/2006/relationships/tags" Target="../tags/tag450.xml"/><Relationship Id="rId104" Type="http://schemas.openxmlformats.org/officeDocument/2006/relationships/tags" Target="../tags/tag457.xml"/><Relationship Id="rId120" Type="http://schemas.openxmlformats.org/officeDocument/2006/relationships/tags" Target="../tags/tag473.xml"/><Relationship Id="rId125" Type="http://schemas.openxmlformats.org/officeDocument/2006/relationships/tags" Target="../tags/tag478.xml"/><Relationship Id="rId7" Type="http://schemas.openxmlformats.org/officeDocument/2006/relationships/tags" Target="../tags/tag360.xml"/><Relationship Id="rId71" Type="http://schemas.openxmlformats.org/officeDocument/2006/relationships/tags" Target="../tags/tag424.xml"/><Relationship Id="rId92" Type="http://schemas.openxmlformats.org/officeDocument/2006/relationships/tags" Target="../tags/tag445.xml"/><Relationship Id="rId2" Type="http://schemas.openxmlformats.org/officeDocument/2006/relationships/tags" Target="../tags/tag355.xml"/><Relationship Id="rId29" Type="http://schemas.openxmlformats.org/officeDocument/2006/relationships/tags" Target="../tags/tag382.xml"/><Relationship Id="rId24" Type="http://schemas.openxmlformats.org/officeDocument/2006/relationships/tags" Target="../tags/tag377.xml"/><Relationship Id="rId40" Type="http://schemas.openxmlformats.org/officeDocument/2006/relationships/tags" Target="../tags/tag393.xml"/><Relationship Id="rId45" Type="http://schemas.openxmlformats.org/officeDocument/2006/relationships/tags" Target="../tags/tag398.xml"/><Relationship Id="rId66" Type="http://schemas.openxmlformats.org/officeDocument/2006/relationships/tags" Target="../tags/tag419.xml"/><Relationship Id="rId87" Type="http://schemas.openxmlformats.org/officeDocument/2006/relationships/tags" Target="../tags/tag440.xml"/><Relationship Id="rId110" Type="http://schemas.openxmlformats.org/officeDocument/2006/relationships/tags" Target="../tags/tag463.xml"/><Relationship Id="rId115" Type="http://schemas.openxmlformats.org/officeDocument/2006/relationships/tags" Target="../tags/tag468.xml"/><Relationship Id="rId131" Type="http://schemas.openxmlformats.org/officeDocument/2006/relationships/image" Target="../media/image2.png"/><Relationship Id="rId61" Type="http://schemas.openxmlformats.org/officeDocument/2006/relationships/tags" Target="../tags/tag414.xml"/><Relationship Id="rId82" Type="http://schemas.openxmlformats.org/officeDocument/2006/relationships/tags" Target="../tags/tag4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7" name="OTLSHAPE_SLT_568e9c9f19d6474e978bcb5c6af58349_Title">
            <a:extLst>
              <a:ext uri="{FF2B5EF4-FFF2-40B4-BE49-F238E27FC236}">
                <a16:creationId xmlns:a16="http://schemas.microsoft.com/office/drawing/2014/main" id="{9289BF64-4A11-44FA-9804-7CA0D690D0D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386331" y="5220346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 dirty="0">
                <a:solidFill>
                  <a:schemeClr val="lt1"/>
                </a:solidFill>
                <a:latin typeface="Calibri" panose="020F0502020204030204" pitchFamily="34" charset="0"/>
              </a:rPr>
              <a:t>Planning/Permitting</a:t>
            </a:r>
          </a:p>
        </p:txBody>
      </p:sp>
      <p:sp>
        <p:nvSpPr>
          <p:cNvPr id="320" name="OTLSHAPE_SLT_78ae29f5183a4aae9ecb930d31d93d0d_Title">
            <a:extLst>
              <a:ext uri="{FF2B5EF4-FFF2-40B4-BE49-F238E27FC236}">
                <a16:creationId xmlns:a16="http://schemas.microsoft.com/office/drawing/2014/main" id="{985092B6-05D5-4428-BF75-0EDF900718A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484168" y="4791509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 dirty="0">
                <a:solidFill>
                  <a:schemeClr val="lt1"/>
                </a:solidFill>
                <a:latin typeface="Calibri" panose="020F0502020204030204" pitchFamily="34" charset="0"/>
              </a:rPr>
              <a:t>Planning/Permitting</a:t>
            </a:r>
          </a:p>
        </p:txBody>
      </p:sp>
      <p:sp>
        <p:nvSpPr>
          <p:cNvPr id="380" name="Rectangle 379">
            <a:extLst>
              <a:ext uri="{FF2B5EF4-FFF2-40B4-BE49-F238E27FC236}">
                <a16:creationId xmlns:a16="http://schemas.microsoft.com/office/drawing/2014/main" id="{E063DA2B-FD8D-4CC5-9689-3B5C49F7287B}"/>
              </a:ext>
            </a:extLst>
          </p:cNvPr>
          <p:cNvSpPr/>
          <p:nvPr/>
        </p:nvSpPr>
        <p:spPr>
          <a:xfrm>
            <a:off x="2820808" y="1666674"/>
            <a:ext cx="833690" cy="394440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2A_d2c9af01b7a24fc88b5a1c867524b6a7_BackgroundRectangle">
            <a:extLst>
              <a:ext uri="{FF2B5EF4-FFF2-40B4-BE49-F238E27FC236}">
                <a16:creationId xmlns:a16="http://schemas.microsoft.com/office/drawing/2014/main" id="{18D6BF75-0747-4D70-B539-B75B0FDFBFA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86441" y="2116889"/>
            <a:ext cx="10668000" cy="4288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2A_4c68d01d35e24ae59a1ef00a5e9fd27f_BackgroundRectangle">
            <a:extLst>
              <a:ext uri="{FF2B5EF4-FFF2-40B4-BE49-F238E27FC236}">
                <a16:creationId xmlns:a16="http://schemas.microsoft.com/office/drawing/2014/main" id="{174302DF-9EEB-449F-B596-F39A85ECF8F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86441" y="2545726"/>
            <a:ext cx="10668000" cy="4288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2A_0f81ce172749446ca9dc6085e834ff19_BackgroundRectangle">
            <a:extLst>
              <a:ext uri="{FF2B5EF4-FFF2-40B4-BE49-F238E27FC236}">
                <a16:creationId xmlns:a16="http://schemas.microsoft.com/office/drawing/2014/main" id="{87DA9FC6-E0E2-4128-93E5-CC4033CF5C3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86441" y="2974563"/>
            <a:ext cx="10668000" cy="4288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2A_35cc84b52aca41619db8fdda724a5434_BackgroundRectangle">
            <a:extLst>
              <a:ext uri="{FF2B5EF4-FFF2-40B4-BE49-F238E27FC236}">
                <a16:creationId xmlns:a16="http://schemas.microsoft.com/office/drawing/2014/main" id="{04F0A7D1-8A6B-4C7E-B29E-CEF6F27DAD4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86441" y="3403400"/>
            <a:ext cx="10668000" cy="4288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2A_64cbe0b503fe41c385335848500488e3_BackgroundRectangle">
            <a:extLst>
              <a:ext uri="{FF2B5EF4-FFF2-40B4-BE49-F238E27FC236}">
                <a16:creationId xmlns:a16="http://schemas.microsoft.com/office/drawing/2014/main" id="{CB63E2DE-CFB8-49EF-BB6E-E8D6DD981D7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86441" y="3895736"/>
            <a:ext cx="10668000" cy="4288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2A_dbf4456095394f0ab6a9aad584a696e4_BackgroundRectangle">
            <a:extLst>
              <a:ext uri="{FF2B5EF4-FFF2-40B4-BE49-F238E27FC236}">
                <a16:creationId xmlns:a16="http://schemas.microsoft.com/office/drawing/2014/main" id="{390B185A-3754-4E81-A8C8-81CC0E97284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86441" y="4324573"/>
            <a:ext cx="10668000" cy="4288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b3318f722e2c47aaaef5e438a063eebe_BackgroundRectangle">
            <a:extLst>
              <a:ext uri="{FF2B5EF4-FFF2-40B4-BE49-F238E27FC236}">
                <a16:creationId xmlns:a16="http://schemas.microsoft.com/office/drawing/2014/main" id="{F306EB43-9394-41B9-AD88-318EC576747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86441" y="4753409"/>
            <a:ext cx="10668000" cy="4288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2A_1c19939676044ff39cb57c5b2e6a645f_BackgroundRectangle">
            <a:extLst>
              <a:ext uri="{FF2B5EF4-FFF2-40B4-BE49-F238E27FC236}">
                <a16:creationId xmlns:a16="http://schemas.microsoft.com/office/drawing/2014/main" id="{5E1B8FA0-1D07-4EAB-9730-CBF1481A437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86441" y="5182246"/>
            <a:ext cx="10668000" cy="428837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0" name="OTLSHAPE_SL2AL_00000000000000000000000000000000_ShapeBelow0">
            <a:extLst>
              <a:ext uri="{FF2B5EF4-FFF2-40B4-BE49-F238E27FC236}">
                <a16:creationId xmlns:a16="http://schemas.microsoft.com/office/drawing/2014/main" id="{999B301B-A225-4D54-B1F6-2BCBAA745AA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86441" y="2545726"/>
            <a:ext cx="1066109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SL2AL_00000000000000000000000000000000_ShapeBelow1">
            <a:extLst>
              <a:ext uri="{FF2B5EF4-FFF2-40B4-BE49-F238E27FC236}">
                <a16:creationId xmlns:a16="http://schemas.microsoft.com/office/drawing/2014/main" id="{1C3FE921-890C-4316-8CB5-EC966130260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86441" y="2974563"/>
            <a:ext cx="1066109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SL2AL_00000000000000000000000000000000_ShapeBelow2">
            <a:extLst>
              <a:ext uri="{FF2B5EF4-FFF2-40B4-BE49-F238E27FC236}">
                <a16:creationId xmlns:a16="http://schemas.microsoft.com/office/drawing/2014/main" id="{2FB7E18E-F1F0-4AFA-BCA9-930D2A9A100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86441" y="3403400"/>
            <a:ext cx="1066109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SL2AL_00000000000000000000000000000000_ShapeBelow3">
            <a:extLst>
              <a:ext uri="{FF2B5EF4-FFF2-40B4-BE49-F238E27FC236}">
                <a16:creationId xmlns:a16="http://schemas.microsoft.com/office/drawing/2014/main" id="{6A68C5AF-1A25-46B3-977E-D80F73F49CB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86441" y="4324573"/>
            <a:ext cx="1066109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SL2AL_00000000000000000000000000000000_ShapeBelow4">
            <a:extLst>
              <a:ext uri="{FF2B5EF4-FFF2-40B4-BE49-F238E27FC236}">
                <a16:creationId xmlns:a16="http://schemas.microsoft.com/office/drawing/2014/main" id="{40FB6525-2BD9-4F48-B2F1-83AA83DF85F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86441" y="4753409"/>
            <a:ext cx="1066109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SL2AL_00000000000000000000000000000000_ShapeBelow5">
            <a:extLst>
              <a:ext uri="{FF2B5EF4-FFF2-40B4-BE49-F238E27FC236}">
                <a16:creationId xmlns:a16="http://schemas.microsoft.com/office/drawing/2014/main" id="{D407FFA4-491A-4B49-BA49-1DF5E50D348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86441" y="5182246"/>
            <a:ext cx="1066109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" name="OTLSHAPE_TB_00000000000000000000000000000000_ScaleContainer">
            <a:extLst>
              <a:ext uri="{FF2B5EF4-FFF2-40B4-BE49-F238E27FC236}">
                <a16:creationId xmlns:a16="http://schemas.microsoft.com/office/drawing/2014/main" id="{ED6FD932-C072-4706-AFA7-BED22824BA6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565185" y="1282626"/>
            <a:ext cx="9791700" cy="182880"/>
          </a:xfrm>
          <a:prstGeom prst="round2Same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7c74aeacd23044dbbc19597616293d2e_HeaderRectangle">
            <a:extLst>
              <a:ext uri="{FF2B5EF4-FFF2-40B4-BE49-F238E27FC236}">
                <a16:creationId xmlns:a16="http://schemas.microsoft.com/office/drawing/2014/main" id="{D27B3CAE-C0F1-409C-B28D-619550F09CA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2116889"/>
            <a:ext cx="635000" cy="1715347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73b8eba6d7d14931a66833633b2e52ef_HeaderRectangle">
            <a:extLst>
              <a:ext uri="{FF2B5EF4-FFF2-40B4-BE49-F238E27FC236}">
                <a16:creationId xmlns:a16="http://schemas.microsoft.com/office/drawing/2014/main" id="{10BAACE4-A14F-4373-B52A-0C3BE166485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3895736"/>
            <a:ext cx="635000" cy="1715347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2A_d2c9af01b7a24fc88b5a1c867524b6a7_HeaderRectangle">
            <a:extLst>
              <a:ext uri="{FF2B5EF4-FFF2-40B4-BE49-F238E27FC236}">
                <a16:creationId xmlns:a16="http://schemas.microsoft.com/office/drawing/2014/main" id="{F7169D9F-B000-40F3-8D97-A2A0F46477B6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86441" y="2116889"/>
            <a:ext cx="762000" cy="428837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2A_4c68d01d35e24ae59a1ef00a5e9fd27f_HeaderRectangle">
            <a:extLst>
              <a:ext uri="{FF2B5EF4-FFF2-40B4-BE49-F238E27FC236}">
                <a16:creationId xmlns:a16="http://schemas.microsoft.com/office/drawing/2014/main" id="{A45EEFC5-EDE1-4C9B-91E1-FE7A898CD7E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86441" y="2545726"/>
            <a:ext cx="762000" cy="428837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2A_0f81ce172749446ca9dc6085e834ff19_HeaderRectangle">
            <a:extLst>
              <a:ext uri="{FF2B5EF4-FFF2-40B4-BE49-F238E27FC236}">
                <a16:creationId xmlns:a16="http://schemas.microsoft.com/office/drawing/2014/main" id="{ECB9EB74-4248-4645-B30E-63ADD0621A6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86441" y="2974563"/>
            <a:ext cx="762000" cy="428837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2A_35cc84b52aca41619db8fdda724a5434_HeaderRectangle">
            <a:extLst>
              <a:ext uri="{FF2B5EF4-FFF2-40B4-BE49-F238E27FC236}">
                <a16:creationId xmlns:a16="http://schemas.microsoft.com/office/drawing/2014/main" id="{AC60F1BF-97F3-4E6E-A9DB-4B7828AF41D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86441" y="3403400"/>
            <a:ext cx="762000" cy="428837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64cbe0b503fe41c385335848500488e3_HeaderRectangle">
            <a:extLst>
              <a:ext uri="{FF2B5EF4-FFF2-40B4-BE49-F238E27FC236}">
                <a16:creationId xmlns:a16="http://schemas.microsoft.com/office/drawing/2014/main" id="{CCE62C6E-048B-4F5C-A2F0-7139AE583CC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86441" y="3895736"/>
            <a:ext cx="762000" cy="428837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dbf4456095394f0ab6a9aad584a696e4_HeaderRectangle">
            <a:extLst>
              <a:ext uri="{FF2B5EF4-FFF2-40B4-BE49-F238E27FC236}">
                <a16:creationId xmlns:a16="http://schemas.microsoft.com/office/drawing/2014/main" id="{155187BE-8B24-403B-88F3-BD0E79728FE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86441" y="4324573"/>
            <a:ext cx="762000" cy="428837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b3318f722e2c47aaaef5e438a063eebe_HeaderRectangle">
            <a:extLst>
              <a:ext uri="{FF2B5EF4-FFF2-40B4-BE49-F238E27FC236}">
                <a16:creationId xmlns:a16="http://schemas.microsoft.com/office/drawing/2014/main" id="{235EBF69-250D-48AF-83F5-BC8431488E1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86441" y="4753409"/>
            <a:ext cx="762000" cy="428837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2A_1c19939676044ff39cb57c5b2e6a645f_HeaderRectangle">
            <a:extLst>
              <a:ext uri="{FF2B5EF4-FFF2-40B4-BE49-F238E27FC236}">
                <a16:creationId xmlns:a16="http://schemas.microsoft.com/office/drawing/2014/main" id="{BCAB1D49-5686-48DC-96F8-1004FB1B2AD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6441" y="5182246"/>
            <a:ext cx="762000" cy="428837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TB_00000000000000000000000000000000_MiddleScaleContainer">
            <a:extLst>
              <a:ext uri="{FF2B5EF4-FFF2-40B4-BE49-F238E27FC236}">
                <a16:creationId xmlns:a16="http://schemas.microsoft.com/office/drawing/2014/main" id="{6FEDBA5D-27FA-44AD-B2B9-6793E042C44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565185" y="1474650"/>
            <a:ext cx="97917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2" name="OTLSHAPE_G_00000000000000000000000000000000_ShapeBelow0">
            <a:extLst>
              <a:ext uri="{FF2B5EF4-FFF2-40B4-BE49-F238E27FC236}">
                <a16:creationId xmlns:a16="http://schemas.microsoft.com/office/drawing/2014/main" id="{D6F26708-1701-4391-9650-EBEFC1790BC9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386331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1">
            <a:extLst>
              <a:ext uri="{FF2B5EF4-FFF2-40B4-BE49-F238E27FC236}">
                <a16:creationId xmlns:a16="http://schemas.microsoft.com/office/drawing/2014/main" id="{036F283C-2B14-440E-B053-4E3417814C8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207477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2">
            <a:extLst>
              <a:ext uri="{FF2B5EF4-FFF2-40B4-BE49-F238E27FC236}">
                <a16:creationId xmlns:a16="http://schemas.microsoft.com/office/drawing/2014/main" id="{1169F8F9-3261-483E-9460-E1ACAE71D0E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010772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3">
            <a:extLst>
              <a:ext uri="{FF2B5EF4-FFF2-40B4-BE49-F238E27FC236}">
                <a16:creationId xmlns:a16="http://schemas.microsoft.com/office/drawing/2014/main" id="{33E4DC7A-2188-4299-8404-F96F24C78EEA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4822993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4">
            <a:extLst>
              <a:ext uri="{FF2B5EF4-FFF2-40B4-BE49-F238E27FC236}">
                <a16:creationId xmlns:a16="http://schemas.microsoft.com/office/drawing/2014/main" id="{BB1E00B4-9D15-4139-B882-93E7D3F85665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5644139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5">
            <a:extLst>
              <a:ext uri="{FF2B5EF4-FFF2-40B4-BE49-F238E27FC236}">
                <a16:creationId xmlns:a16="http://schemas.microsoft.com/office/drawing/2014/main" id="{7716ABE8-E1D4-47C0-90E0-8E6B92BB7EAB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465285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6">
            <a:extLst>
              <a:ext uri="{FF2B5EF4-FFF2-40B4-BE49-F238E27FC236}">
                <a16:creationId xmlns:a16="http://schemas.microsoft.com/office/drawing/2014/main" id="{0B8902EA-4248-4BC8-983A-399C495DA768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268580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G_00000000000000000000000000000000_ShapeBelow7">
            <a:extLst>
              <a:ext uri="{FF2B5EF4-FFF2-40B4-BE49-F238E27FC236}">
                <a16:creationId xmlns:a16="http://schemas.microsoft.com/office/drawing/2014/main" id="{8A5FC1AE-413E-4547-BE33-DEFCC244C522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080801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G_00000000000000000000000000000000_ShapeBelow8">
            <a:extLst>
              <a:ext uri="{FF2B5EF4-FFF2-40B4-BE49-F238E27FC236}">
                <a16:creationId xmlns:a16="http://schemas.microsoft.com/office/drawing/2014/main" id="{B1CA9850-31DA-4E80-B8D3-64CA03CB2ADD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8901947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G_00000000000000000000000000000000_ShapeBelow9">
            <a:extLst>
              <a:ext uri="{FF2B5EF4-FFF2-40B4-BE49-F238E27FC236}">
                <a16:creationId xmlns:a16="http://schemas.microsoft.com/office/drawing/2014/main" id="{B0B61960-3E9F-4411-9894-9B508D1807A7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723093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G_00000000000000000000000000000000_ShapeBelow10">
            <a:extLst>
              <a:ext uri="{FF2B5EF4-FFF2-40B4-BE49-F238E27FC236}">
                <a16:creationId xmlns:a16="http://schemas.microsoft.com/office/drawing/2014/main" id="{8A43126B-9208-4B91-82E6-37276E43E110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535314" y="1666674"/>
            <a:ext cx="0" cy="394440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3" name="OTLSHAPE_SLT_724cd819104540fe80f06208f0ed34ea_Shape">
            <a:extLst>
              <a:ext uri="{FF2B5EF4-FFF2-40B4-BE49-F238E27FC236}">
                <a16:creationId xmlns:a16="http://schemas.microsoft.com/office/drawing/2014/main" id="{A77EECDE-BDD2-4771-90F3-9B1478D6DD3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653752" y="2279026"/>
            <a:ext cx="15875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01e4ec83d99b49e496af616f7cb3ea10_Shape">
            <a:extLst>
              <a:ext uri="{FF2B5EF4-FFF2-40B4-BE49-F238E27FC236}">
                <a16:creationId xmlns:a16="http://schemas.microsoft.com/office/drawing/2014/main" id="{AF698DFD-272D-4C25-B0C7-43ACCFD3C3F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233566" y="2279026"/>
            <a:ext cx="5461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370a7415dffe4a7cbe2c2a0d32b8e4b4_Shape">
            <a:extLst>
              <a:ext uri="{FF2B5EF4-FFF2-40B4-BE49-F238E27FC236}">
                <a16:creationId xmlns:a16="http://schemas.microsoft.com/office/drawing/2014/main" id="{978B3A57-1620-4D85-901E-8B35B5385CC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778022" y="2279026"/>
            <a:ext cx="4064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2fff6c28bba54701a00b32efd5acc79c_Shape">
            <a:extLst>
              <a:ext uri="{FF2B5EF4-FFF2-40B4-BE49-F238E27FC236}">
                <a16:creationId xmlns:a16="http://schemas.microsoft.com/office/drawing/2014/main" id="{8CD2902A-7ACA-46A4-8DDF-6D3E101E7CA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287457" y="2707863"/>
            <a:ext cx="21844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460cae8eda8b4cd9a3db6859a1596d50_Shape">
            <a:extLst>
              <a:ext uri="{FF2B5EF4-FFF2-40B4-BE49-F238E27FC236}">
                <a16:creationId xmlns:a16="http://schemas.microsoft.com/office/drawing/2014/main" id="{E19ACBCC-F1D4-4629-B1C1-B169A86D6A1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465285" y="2707863"/>
            <a:ext cx="8128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15be1a2625c24a0f9068ec99a6e1c5de_Shape">
            <a:extLst>
              <a:ext uri="{FF2B5EF4-FFF2-40B4-BE49-F238E27FC236}">
                <a16:creationId xmlns:a16="http://schemas.microsoft.com/office/drawing/2014/main" id="{560177BE-86A4-4B29-B718-9DC0398B09B3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268580" y="2707863"/>
            <a:ext cx="26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T_168df4abd0ab45269a36674918832990_Shape">
            <a:extLst>
              <a:ext uri="{FF2B5EF4-FFF2-40B4-BE49-F238E27FC236}">
                <a16:creationId xmlns:a16="http://schemas.microsoft.com/office/drawing/2014/main" id="{9B183B39-2EF2-490B-9FAD-828967934A1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565185" y="3136699"/>
            <a:ext cx="21717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0ae4bfdd58c14fbf93dbe8dad490ba09_Shape">
            <a:extLst>
              <a:ext uri="{FF2B5EF4-FFF2-40B4-BE49-F238E27FC236}">
                <a16:creationId xmlns:a16="http://schemas.microsoft.com/office/drawing/2014/main" id="{624691D0-F593-4645-97A7-DEF6BB3F409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734082" y="3136699"/>
            <a:ext cx="8255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T_7b60db6c9f0644bdadefe863533acb2d_Shape">
            <a:extLst>
              <a:ext uri="{FF2B5EF4-FFF2-40B4-BE49-F238E27FC236}">
                <a16:creationId xmlns:a16="http://schemas.microsoft.com/office/drawing/2014/main" id="{631B012E-B457-421E-AFAD-410A773F3B4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555228" y="3136699"/>
            <a:ext cx="546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T_21edabd5dc3549799029492ac6132aab_Shape">
            <a:extLst>
              <a:ext uri="{FF2B5EF4-FFF2-40B4-BE49-F238E27FC236}">
                <a16:creationId xmlns:a16="http://schemas.microsoft.com/office/drawing/2014/main" id="{414EFA54-63AF-451A-8306-A541B346DC2C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108603" y="3565536"/>
            <a:ext cx="2844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SLT_22022a449a7c419d9de574a8c893e63b_Shape">
            <a:extLst>
              <a:ext uri="{FF2B5EF4-FFF2-40B4-BE49-F238E27FC236}">
                <a16:creationId xmlns:a16="http://schemas.microsoft.com/office/drawing/2014/main" id="{6F8D3BD1-2675-4EA2-BB44-A50AEA899DC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946919" y="3565536"/>
            <a:ext cx="15113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T_1bb6732d814f41fcaef4d32ebfee6c07_Shape">
            <a:extLst>
              <a:ext uri="{FF2B5EF4-FFF2-40B4-BE49-F238E27FC236}">
                <a16:creationId xmlns:a16="http://schemas.microsoft.com/office/drawing/2014/main" id="{9D74EB25-814D-428F-8B8A-FD608F9BBE88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446403" y="3565536"/>
            <a:ext cx="812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T_b32c667ff3bf417fb207d79fe88d8d87_Shape">
            <a:extLst>
              <a:ext uri="{FF2B5EF4-FFF2-40B4-BE49-F238E27FC236}">
                <a16:creationId xmlns:a16="http://schemas.microsoft.com/office/drawing/2014/main" id="{099B82B7-CA67-46BD-980C-8727562478C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653752" y="4057873"/>
            <a:ext cx="3098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T_cab2ff09ede244659ca802e5d80e6bdb_Shape">
            <a:extLst>
              <a:ext uri="{FF2B5EF4-FFF2-40B4-BE49-F238E27FC236}">
                <a16:creationId xmlns:a16="http://schemas.microsoft.com/office/drawing/2014/main" id="{796F9213-C2E9-4EAD-A0BA-1C7D5B044F9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741976" y="4057873"/>
            <a:ext cx="14732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SLT_3012da95d7254bae976dc08f02032a3d_Shape">
            <a:extLst>
              <a:ext uri="{FF2B5EF4-FFF2-40B4-BE49-F238E27FC236}">
                <a16:creationId xmlns:a16="http://schemas.microsoft.com/office/drawing/2014/main" id="{2F777768-02F9-4CFE-8B50-C4B0D1786EA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214684" y="4057873"/>
            <a:ext cx="685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SLT_46565555cf8b4e2980d76f21b62563b7_Shape">
            <a:extLst>
              <a:ext uri="{FF2B5EF4-FFF2-40B4-BE49-F238E27FC236}">
                <a16:creationId xmlns:a16="http://schemas.microsoft.com/office/drawing/2014/main" id="{D0A2396F-2E01-4DE5-A516-3B187C7CE686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278537" y="4486709"/>
            <a:ext cx="21971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T_8630a3cd14c849a089f90b0bf603d8e5_Shape">
            <a:extLst>
              <a:ext uri="{FF2B5EF4-FFF2-40B4-BE49-F238E27FC236}">
                <a16:creationId xmlns:a16="http://schemas.microsoft.com/office/drawing/2014/main" id="{76DCFEF3-0F82-472D-B231-B692A3881CB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465285" y="4486709"/>
            <a:ext cx="18923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SLT_f35ea1bfdec341fa86c0c05ecd5d9cfa_Shape">
            <a:extLst>
              <a:ext uri="{FF2B5EF4-FFF2-40B4-BE49-F238E27FC236}">
                <a16:creationId xmlns:a16="http://schemas.microsoft.com/office/drawing/2014/main" id="{6B4363E4-6BC3-4B2D-A77F-CA6C79F0DF44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357491" y="4486709"/>
            <a:ext cx="9525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T_78ae29f5183a4aae9ecb930d31d93d0d_Shape">
            <a:extLst>
              <a:ext uri="{FF2B5EF4-FFF2-40B4-BE49-F238E27FC236}">
                <a16:creationId xmlns:a16="http://schemas.microsoft.com/office/drawing/2014/main" id="{0B621B59-BB95-428B-AD43-E2C3DE993981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484168" y="4915546"/>
            <a:ext cx="1346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SLT_22868c907d084be5a75f3caea195e9a6_Shape">
            <a:extLst>
              <a:ext uri="{FF2B5EF4-FFF2-40B4-BE49-F238E27FC236}">
                <a16:creationId xmlns:a16="http://schemas.microsoft.com/office/drawing/2014/main" id="{DEFC5839-7EBF-420B-8FD4-EEC76FBF2C33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822993" y="4915546"/>
            <a:ext cx="8255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SLT_04b61e26d55d49c1bfd1c6dbc553f688_Shape">
            <a:extLst>
              <a:ext uri="{FF2B5EF4-FFF2-40B4-BE49-F238E27FC236}">
                <a16:creationId xmlns:a16="http://schemas.microsoft.com/office/drawing/2014/main" id="{8C349F0D-272F-4629-9229-3EEA5234EF1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644139" y="4915546"/>
            <a:ext cx="546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" name="OTLSHAPE_SLT_568e9c9f19d6474e978bcb5c6af58349_Shape">
            <a:extLst>
              <a:ext uri="{FF2B5EF4-FFF2-40B4-BE49-F238E27FC236}">
                <a16:creationId xmlns:a16="http://schemas.microsoft.com/office/drawing/2014/main" id="{F1C6FD91-DE9C-4398-92B5-68E0E9C0733F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386331" y="5344383"/>
            <a:ext cx="2997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T_46937117a41b4407bc4c18c5fc28125c_Shape">
            <a:extLst>
              <a:ext uri="{FF2B5EF4-FFF2-40B4-BE49-F238E27FC236}">
                <a16:creationId xmlns:a16="http://schemas.microsoft.com/office/drawing/2014/main" id="{687A370C-3233-4F08-9292-9F489AC503A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376374" y="5344383"/>
            <a:ext cx="13716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" name="OTLSHAPE_SLT_aea0b0ec3ca449bca41db3a08f12b4b6_Shape">
            <a:extLst>
              <a:ext uri="{FF2B5EF4-FFF2-40B4-BE49-F238E27FC236}">
                <a16:creationId xmlns:a16="http://schemas.microsoft.com/office/drawing/2014/main" id="{4002EFF3-3FBF-4C54-B2B0-82C6DA7918E8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6741976" y="5344383"/>
            <a:ext cx="7874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TB_00000000000000000000000000000000_ElapsedTime">
            <a:extLst>
              <a:ext uri="{FF2B5EF4-FFF2-40B4-BE49-F238E27FC236}">
                <a16:creationId xmlns:a16="http://schemas.microsoft.com/office/drawing/2014/main" id="{635478B9-0993-4B38-A20D-4ED023115603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565185" y="1641071"/>
            <a:ext cx="21463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724cd819104540fe80f06208f0ed34ea_ShapePercentage">
            <a:extLst>
              <a:ext uri="{FF2B5EF4-FFF2-40B4-BE49-F238E27FC236}">
                <a16:creationId xmlns:a16="http://schemas.microsoft.com/office/drawing/2014/main" id="{F270CCF5-A5BF-4834-996B-196C22CD72A2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653752" y="2279026"/>
            <a:ext cx="15875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01e4ec83d99b49e496af616f7cb3ea10_ShapePercentage">
            <a:extLst>
              <a:ext uri="{FF2B5EF4-FFF2-40B4-BE49-F238E27FC236}">
                <a16:creationId xmlns:a16="http://schemas.microsoft.com/office/drawing/2014/main" id="{6DA371DD-96A0-4AB3-903F-D497126BD4BB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5233566" y="2279026"/>
            <a:ext cx="546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370a7415dffe4a7cbe2c2a0d32b8e4b4_ShapePercentage">
            <a:extLst>
              <a:ext uri="{FF2B5EF4-FFF2-40B4-BE49-F238E27FC236}">
                <a16:creationId xmlns:a16="http://schemas.microsoft.com/office/drawing/2014/main" id="{6482FCD5-1111-42E4-8311-AB755A2A8734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5778022" y="2279026"/>
            <a:ext cx="4064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2fff6c28bba54701a00b32efd5acc79c_ShapePercentage">
            <a:extLst>
              <a:ext uri="{FF2B5EF4-FFF2-40B4-BE49-F238E27FC236}">
                <a16:creationId xmlns:a16="http://schemas.microsoft.com/office/drawing/2014/main" id="{CB08C440-F55E-4CE5-829D-ACBED122F733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4287457" y="2707863"/>
            <a:ext cx="17526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168df4abd0ab45269a36674918832990_ShapePercentage">
            <a:extLst>
              <a:ext uri="{FF2B5EF4-FFF2-40B4-BE49-F238E27FC236}">
                <a16:creationId xmlns:a16="http://schemas.microsoft.com/office/drawing/2014/main" id="{BF2655B5-626C-4AD6-B7D9-39667864634F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565185" y="3136699"/>
            <a:ext cx="21717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SLT_0ae4bfdd58c14fbf93dbe8dad490ba09_ShapePercentage">
            <a:extLst>
              <a:ext uri="{FF2B5EF4-FFF2-40B4-BE49-F238E27FC236}">
                <a16:creationId xmlns:a16="http://schemas.microsoft.com/office/drawing/2014/main" id="{11687658-7C10-4989-82AA-61310FA9E9CC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3734082" y="3136699"/>
            <a:ext cx="8255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SLT_7b60db6c9f0644bdadefe863533acb2d_ShapePercentage">
            <a:extLst>
              <a:ext uri="{FF2B5EF4-FFF2-40B4-BE49-F238E27FC236}">
                <a16:creationId xmlns:a16="http://schemas.microsoft.com/office/drawing/2014/main" id="{E79154B1-577B-4234-B5A1-D4BC52FD9CEA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555228" y="3136699"/>
            <a:ext cx="546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T_b32c667ff3bf417fb207d79fe88d8d87_ShapePercentage">
            <a:extLst>
              <a:ext uri="{FF2B5EF4-FFF2-40B4-BE49-F238E27FC236}">
                <a16:creationId xmlns:a16="http://schemas.microsoft.com/office/drawing/2014/main" id="{E312CB2E-5617-4618-A8BE-CE0BAB9D7A6C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653752" y="4057873"/>
            <a:ext cx="24765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SLM_0cee739581d04be0802838167a99f132_Shape">
            <a:extLst>
              <a:ext uri="{FF2B5EF4-FFF2-40B4-BE49-F238E27FC236}">
                <a16:creationId xmlns:a16="http://schemas.microsoft.com/office/drawing/2014/main" id="{6C470A4C-4A3F-4BFA-BF00-E3E252656FBC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8787641" y="4032473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7" name="OTLSHAPE_SLT_46565555cf8b4e2980d76f21b62563b7_ShapePercentage">
            <a:extLst>
              <a:ext uri="{FF2B5EF4-FFF2-40B4-BE49-F238E27FC236}">
                <a16:creationId xmlns:a16="http://schemas.microsoft.com/office/drawing/2014/main" id="{3BCE3330-C554-4E9D-9C89-341C757A6108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4278537" y="4486709"/>
            <a:ext cx="15367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" name="OTLSHAPE_SLM_b31639d08ae3434187ded2692754946b_Shape">
            <a:extLst>
              <a:ext uri="{FF2B5EF4-FFF2-40B4-BE49-F238E27FC236}">
                <a16:creationId xmlns:a16="http://schemas.microsoft.com/office/drawing/2014/main" id="{09924D77-7D63-4CDD-8F12-152FB982848A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9189295" y="4461309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T_78ae29f5183a4aae9ecb930d31d93d0d_ShapePercentage">
            <a:extLst>
              <a:ext uri="{FF2B5EF4-FFF2-40B4-BE49-F238E27FC236}">
                <a16:creationId xmlns:a16="http://schemas.microsoft.com/office/drawing/2014/main" id="{0339A8CC-90AF-481F-8222-7BDECA5BA597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484168" y="4915546"/>
            <a:ext cx="1346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SLT_22868c907d084be5a75f3caea195e9a6_ShapePercentage">
            <a:extLst>
              <a:ext uri="{FF2B5EF4-FFF2-40B4-BE49-F238E27FC236}">
                <a16:creationId xmlns:a16="http://schemas.microsoft.com/office/drawing/2014/main" id="{97945103-1533-4AEE-86D2-F762F9EE7317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4822993" y="4915546"/>
            <a:ext cx="8255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" name="OTLSHAPE_SLT_04b61e26d55d49c1bfd1c6dbc553f688_ShapePercentage">
            <a:extLst>
              <a:ext uri="{FF2B5EF4-FFF2-40B4-BE49-F238E27FC236}">
                <a16:creationId xmlns:a16="http://schemas.microsoft.com/office/drawing/2014/main" id="{AB362197-5A11-4DEE-BFDB-B37645A099DA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5644139" y="4915546"/>
            <a:ext cx="546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M_727328ed5e144f7e9f07d4501732532f_Shape">
            <a:extLst>
              <a:ext uri="{FF2B5EF4-FFF2-40B4-BE49-F238E27FC236}">
                <a16:creationId xmlns:a16="http://schemas.microsoft.com/office/drawing/2014/main" id="{71B0DF06-F78C-4689-AFE6-47CD05F990C6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065369" y="4890146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" name="OTLSHAPE_SLT_568e9c9f19d6474e978bcb5c6af58349_ShapePercentage">
            <a:extLst>
              <a:ext uri="{FF2B5EF4-FFF2-40B4-BE49-F238E27FC236}">
                <a16:creationId xmlns:a16="http://schemas.microsoft.com/office/drawing/2014/main" id="{413CACA7-6CFF-4458-A5DA-A71438A4448A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2386331" y="5344383"/>
            <a:ext cx="2997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T_46937117a41b4407bc4c18c5fc28125c_ShapePercentage">
            <a:extLst>
              <a:ext uri="{FF2B5EF4-FFF2-40B4-BE49-F238E27FC236}">
                <a16:creationId xmlns:a16="http://schemas.microsoft.com/office/drawing/2014/main" id="{1525991A-8CFE-4AA8-80E2-86D30396F572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376374" y="5344383"/>
            <a:ext cx="5588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" name="OTLSHAPE_SLM_ec8fd76e1de544c2a1cc3744d78582a0_Shape">
            <a:extLst>
              <a:ext uri="{FF2B5EF4-FFF2-40B4-BE49-F238E27FC236}">
                <a16:creationId xmlns:a16="http://schemas.microsoft.com/office/drawing/2014/main" id="{91769F51-3E78-4633-B214-B37DC4455BD2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7413120" y="5318983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" name="OTLSHAPE_SLM_cef444e6bafc4e2f8a4e3289bf25a900_Shape">
            <a:extLst>
              <a:ext uri="{FF2B5EF4-FFF2-40B4-BE49-F238E27FC236}">
                <a16:creationId xmlns:a16="http://schemas.microsoft.com/office/drawing/2014/main" id="{FE30D5CB-C9D4-47ED-9517-D761893D4B44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074289" y="2253626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" name="OTLSHAPE_SLM_cf160c12921d4f71b6a4b0ac6826ce30_Shape">
            <a:extLst>
              <a:ext uri="{FF2B5EF4-FFF2-40B4-BE49-F238E27FC236}">
                <a16:creationId xmlns:a16="http://schemas.microsoft.com/office/drawing/2014/main" id="{0B7108BE-6540-4269-AB80-3F5446EEA08F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7422039" y="2682463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3" name="OTLSHAPE_SLM_3412eac2400c486396b4e9cd186680a9_Shape">
            <a:extLst>
              <a:ext uri="{FF2B5EF4-FFF2-40B4-BE49-F238E27FC236}">
                <a16:creationId xmlns:a16="http://schemas.microsoft.com/office/drawing/2014/main" id="{9C4EC5BE-A6B0-4583-B2F1-D3EBC445A9DE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985377" y="3111299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" name="OTLSHAPE_SLM_212bb7d591b7461ba5094e8cc91e188d_Shape">
            <a:extLst>
              <a:ext uri="{FF2B5EF4-FFF2-40B4-BE49-F238E27FC236}">
                <a16:creationId xmlns:a16="http://schemas.microsoft.com/office/drawing/2014/main" id="{B69CB515-9340-4BF2-ACBB-8178305544B7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0144317" y="3540136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7c74aeacd23044dbbc19597616293d2e_Header">
            <a:extLst>
              <a:ext uri="{FF2B5EF4-FFF2-40B4-BE49-F238E27FC236}">
                <a16:creationId xmlns:a16="http://schemas.microsoft.com/office/drawing/2014/main" id="{10F13AD3-6322-4F70-BB44-794B67AC8C5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 rot="16200000">
            <a:off x="-482703" y="2881535"/>
            <a:ext cx="171534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New Construction</a:t>
            </a:r>
          </a:p>
        </p:txBody>
      </p:sp>
      <p:sp>
        <p:nvSpPr>
          <p:cNvPr id="21" name="OTLSHAPE_SL_73b8eba6d7d14931a66833633b2e52ef_Header">
            <a:extLst>
              <a:ext uri="{FF2B5EF4-FFF2-40B4-BE49-F238E27FC236}">
                <a16:creationId xmlns:a16="http://schemas.microsoft.com/office/drawing/2014/main" id="{E974C56D-732B-4EFA-852A-054F3E575A6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 rot="16200000">
            <a:off x="-482703" y="4660382"/>
            <a:ext cx="171534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Network Upgrades</a:t>
            </a:r>
          </a:p>
        </p:txBody>
      </p:sp>
      <p:sp>
        <p:nvSpPr>
          <p:cNvPr id="29" name="OTLSHAPE_SL2A_d2c9af01b7a24fc88b5a1c867524b6a7_Header">
            <a:extLst>
              <a:ext uri="{FF2B5EF4-FFF2-40B4-BE49-F238E27FC236}">
                <a16:creationId xmlns:a16="http://schemas.microsoft.com/office/drawing/2014/main" id="{466B724E-358C-4745-B283-9F6FB8163A1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49941" y="2160789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ouston Market</a:t>
            </a:r>
          </a:p>
        </p:txBody>
      </p:sp>
      <p:sp>
        <p:nvSpPr>
          <p:cNvPr id="40" name="OTLSHAPE_SL2A_4c68d01d35e24ae59a1ef00a5e9fd27f_Header">
            <a:extLst>
              <a:ext uri="{FF2B5EF4-FFF2-40B4-BE49-F238E27FC236}">
                <a16:creationId xmlns:a16="http://schemas.microsoft.com/office/drawing/2014/main" id="{C2799570-B0EE-40B7-8F65-B9490234124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49941" y="2589626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eattle Market</a:t>
            </a:r>
          </a:p>
        </p:txBody>
      </p:sp>
      <p:sp>
        <p:nvSpPr>
          <p:cNvPr id="43" name="OTLSHAPE_SL2A_0f81ce172749446ca9dc6085e834ff19_Header">
            <a:extLst>
              <a:ext uri="{FF2B5EF4-FFF2-40B4-BE49-F238E27FC236}">
                <a16:creationId xmlns:a16="http://schemas.microsoft.com/office/drawing/2014/main" id="{EA688D34-E580-4832-98E7-F233587BE73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49941" y="3018462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hoenix Market</a:t>
            </a:r>
          </a:p>
        </p:txBody>
      </p:sp>
      <p:sp>
        <p:nvSpPr>
          <p:cNvPr id="46" name="OTLSHAPE_SL2A_35cc84b52aca41619db8fdda724a5434_Header">
            <a:extLst>
              <a:ext uri="{FF2B5EF4-FFF2-40B4-BE49-F238E27FC236}">
                <a16:creationId xmlns:a16="http://schemas.microsoft.com/office/drawing/2014/main" id="{3C495D13-53F2-4A15-AC41-A052B8B7FA7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49941" y="3447299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ortland Market</a:t>
            </a:r>
          </a:p>
        </p:txBody>
      </p:sp>
      <p:sp>
        <p:nvSpPr>
          <p:cNvPr id="49" name="OTLSHAPE_SL2A_64cbe0b503fe41c385335848500488e3_Header">
            <a:extLst>
              <a:ext uri="{FF2B5EF4-FFF2-40B4-BE49-F238E27FC236}">
                <a16:creationId xmlns:a16="http://schemas.microsoft.com/office/drawing/2014/main" id="{36107F4B-7172-4069-8AC4-3A03074B2D5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49941" y="3939636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ouston Market</a:t>
            </a:r>
          </a:p>
        </p:txBody>
      </p:sp>
      <p:sp>
        <p:nvSpPr>
          <p:cNvPr id="52" name="OTLSHAPE_SL2A_dbf4456095394f0ab6a9aad584a696e4_Header">
            <a:extLst>
              <a:ext uri="{FF2B5EF4-FFF2-40B4-BE49-F238E27FC236}">
                <a16:creationId xmlns:a16="http://schemas.microsoft.com/office/drawing/2014/main" id="{7E39615B-4D52-4F4A-AA53-549C22C531F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49941" y="4368473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eattle Market</a:t>
            </a:r>
          </a:p>
        </p:txBody>
      </p:sp>
      <p:sp>
        <p:nvSpPr>
          <p:cNvPr id="55" name="OTLSHAPE_SL2A_b3318f722e2c47aaaef5e438a063eebe_Header">
            <a:extLst>
              <a:ext uri="{FF2B5EF4-FFF2-40B4-BE49-F238E27FC236}">
                <a16:creationId xmlns:a16="http://schemas.microsoft.com/office/drawing/2014/main" id="{6FD4CE29-B781-4BFB-8E42-15B29363742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49941" y="4797309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hoenix Market</a:t>
            </a:r>
          </a:p>
        </p:txBody>
      </p:sp>
      <p:sp>
        <p:nvSpPr>
          <p:cNvPr id="58" name="OTLSHAPE_SL2A_1c19939676044ff39cb57c5b2e6a645f_Header">
            <a:extLst>
              <a:ext uri="{FF2B5EF4-FFF2-40B4-BE49-F238E27FC236}">
                <a16:creationId xmlns:a16="http://schemas.microsoft.com/office/drawing/2014/main" id="{D721F34A-1D7A-455D-A9E9-761B98D6EEB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49941" y="5226146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ortland Market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4279CB07-2796-46C7-989C-074554B3AA1D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3678415" y="166667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724cd819104540fe80f06208f0ed34ea_Title">
            <a:extLst>
              <a:ext uri="{FF2B5EF4-FFF2-40B4-BE49-F238E27FC236}">
                <a16:creationId xmlns:a16="http://schemas.microsoft.com/office/drawing/2014/main" id="{1878C2D0-437B-487F-B209-0EEA3BC1064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653752" y="2154989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 dirty="0">
                <a:solidFill>
                  <a:schemeClr val="lt1"/>
                </a:solidFill>
                <a:latin typeface="Calibri" panose="020F0502020204030204" pitchFamily="34" charset="0"/>
              </a:rPr>
              <a:t>Planning/Permitting</a:t>
            </a: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E156350-B3EA-47EF-A7AF-21653333C67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524412" y="172763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C953B9E-90A5-4FD2-BF87-907ECF2BCF4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628685" y="128103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7A5A066-F110-4803-8282-0348B889080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270977" y="128103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627EE9D-BA17-4439-9A58-CC51E83161D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528785" y="128103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4B23720-C2CE-4B09-874D-0197409D3F5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786593" y="128103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4" name="OTLSHAPE_SLT_724cd819104540fe80f06208f0ed34ea_TextPercentage">
            <a:extLst>
              <a:ext uri="{FF2B5EF4-FFF2-40B4-BE49-F238E27FC236}">
                <a16:creationId xmlns:a16="http://schemas.microsoft.com/office/drawing/2014/main" id="{250ED0C8-565A-466A-91E3-22C787007E6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006484" y="2318608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7" name="OTLSHAPE_SLT_01e4ec83d99b49e496af616f7cb3ea10_TextPercentage">
            <a:extLst>
              <a:ext uri="{FF2B5EF4-FFF2-40B4-BE49-F238E27FC236}">
                <a16:creationId xmlns:a16="http://schemas.microsoft.com/office/drawing/2014/main" id="{EEA0060C-F0DF-4A37-AFC5-5FFA8D7353B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550939" y="2318608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1" name="OTLSHAPE_SLT_01e4ec83d99b49e496af616f7cb3ea10_Title">
            <a:extLst>
              <a:ext uri="{FF2B5EF4-FFF2-40B4-BE49-F238E27FC236}">
                <a16:creationId xmlns:a16="http://schemas.microsoft.com/office/drawing/2014/main" id="{D03EBAD1-1191-430A-8E80-EFB711ACB3C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233566" y="2154989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Lay Fiber</a:t>
            </a:r>
          </a:p>
        </p:txBody>
      </p:sp>
      <p:sp>
        <p:nvSpPr>
          <p:cNvPr id="85" name="OTLSHAPE_SLT_370a7415dffe4a7cbe2c2a0d32b8e4b4_TextPercentage">
            <a:extLst>
              <a:ext uri="{FF2B5EF4-FFF2-40B4-BE49-F238E27FC236}">
                <a16:creationId xmlns:a16="http://schemas.microsoft.com/office/drawing/2014/main" id="{0E0EA3DC-5BEC-4819-9B81-CA9A72E70C9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952587" y="2318608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9" name="OTLSHAPE_SLT_370a7415dffe4a7cbe2c2a0d32b8e4b4_Title">
            <a:extLst>
              <a:ext uri="{FF2B5EF4-FFF2-40B4-BE49-F238E27FC236}">
                <a16:creationId xmlns:a16="http://schemas.microsoft.com/office/drawing/2014/main" id="{EDBDDF76-40D5-4A36-AC4C-9199607894C5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778022" y="2154989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 dirty="0">
                <a:solidFill>
                  <a:schemeClr val="lt1"/>
                </a:solidFill>
                <a:latin typeface="Calibri" panose="020F0502020204030204" pitchFamily="34" charset="0"/>
              </a:rPr>
              <a:t>Network Testing</a:t>
            </a:r>
          </a:p>
        </p:txBody>
      </p:sp>
      <p:sp>
        <p:nvSpPr>
          <p:cNvPr id="97" name="OTLSHAPE_SLT_2fff6c28bba54701a00b32efd5acc79c_TextPercentage">
            <a:extLst>
              <a:ext uri="{FF2B5EF4-FFF2-40B4-BE49-F238E27FC236}">
                <a16:creationId xmlns:a16="http://schemas.microsoft.com/office/drawing/2014/main" id="{8A865D66-8BA1-4205-95B7-3757C41423A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854116" y="2747445"/>
            <a:ext cx="177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101" name="OTLSHAPE_SLT_2fff6c28bba54701a00b32efd5acc79c_Title">
            <a:extLst>
              <a:ext uri="{FF2B5EF4-FFF2-40B4-BE49-F238E27FC236}">
                <a16:creationId xmlns:a16="http://schemas.microsoft.com/office/drawing/2014/main" id="{EE25A327-ED84-4118-9222-B9C5E8AEDE2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287457" y="2583826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Planning/Permitting</a:t>
            </a:r>
          </a:p>
        </p:txBody>
      </p:sp>
      <p:sp>
        <p:nvSpPr>
          <p:cNvPr id="109" name="OTLSHAPE_SLT_460cae8eda8b4cd9a3db6859a1596d50_Title">
            <a:extLst>
              <a:ext uri="{FF2B5EF4-FFF2-40B4-BE49-F238E27FC236}">
                <a16:creationId xmlns:a16="http://schemas.microsoft.com/office/drawing/2014/main" id="{6E9A4543-6C1F-4F89-A149-267BA386313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465285" y="2583826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Lay Fiber</a:t>
            </a:r>
          </a:p>
        </p:txBody>
      </p:sp>
      <p:sp>
        <p:nvSpPr>
          <p:cNvPr id="117" name="OTLSHAPE_SLT_15be1a2625c24a0f9068ec99a6e1c5de_Title">
            <a:extLst>
              <a:ext uri="{FF2B5EF4-FFF2-40B4-BE49-F238E27FC236}">
                <a16:creationId xmlns:a16="http://schemas.microsoft.com/office/drawing/2014/main" id="{8C87BB02-D594-4D52-B4C9-AEA12FC8737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268580" y="2583826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 dirty="0">
                <a:solidFill>
                  <a:schemeClr val="lt1"/>
                </a:solidFill>
                <a:latin typeface="Calibri" panose="020F0502020204030204" pitchFamily="34" charset="0"/>
              </a:rPr>
              <a:t>Network Testing</a:t>
            </a:r>
          </a:p>
        </p:txBody>
      </p:sp>
      <p:sp>
        <p:nvSpPr>
          <p:cNvPr id="133" name="OTLSHAPE_SLT_168df4abd0ab45269a36674918832990_TextPercentage">
            <a:extLst>
              <a:ext uri="{FF2B5EF4-FFF2-40B4-BE49-F238E27FC236}">
                <a16:creationId xmlns:a16="http://schemas.microsoft.com/office/drawing/2014/main" id="{D864CB90-E6E8-42D2-9E65-A3B3E59EE91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507000" y="3176281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37" name="OTLSHAPE_SLT_168df4abd0ab45269a36674918832990_Title">
            <a:extLst>
              <a:ext uri="{FF2B5EF4-FFF2-40B4-BE49-F238E27FC236}">
                <a16:creationId xmlns:a16="http://schemas.microsoft.com/office/drawing/2014/main" id="{3F4247DA-21E3-4022-8060-67B99C6D7D1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565185" y="3012663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Planning/Permitting</a:t>
            </a:r>
          </a:p>
        </p:txBody>
      </p:sp>
      <p:sp>
        <p:nvSpPr>
          <p:cNvPr id="141" name="OTLSHAPE_SLT_0ae4bfdd58c14fbf93dbe8dad490ba09_TextPercentage">
            <a:extLst>
              <a:ext uri="{FF2B5EF4-FFF2-40B4-BE49-F238E27FC236}">
                <a16:creationId xmlns:a16="http://schemas.microsoft.com/office/drawing/2014/main" id="{95693C2D-2FF8-431F-8823-386B049A77C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328146" y="3176281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45" name="OTLSHAPE_SLT_0ae4bfdd58c14fbf93dbe8dad490ba09_Title">
            <a:extLst>
              <a:ext uri="{FF2B5EF4-FFF2-40B4-BE49-F238E27FC236}">
                <a16:creationId xmlns:a16="http://schemas.microsoft.com/office/drawing/2014/main" id="{05692FB9-E08E-411E-8E7A-3E62EBA5A18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734082" y="3012663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Lay Fiber</a:t>
            </a:r>
          </a:p>
        </p:txBody>
      </p:sp>
      <p:sp>
        <p:nvSpPr>
          <p:cNvPr id="149" name="OTLSHAPE_SLT_7b60db6c9f0644bdadefe863533acb2d_TextPercentage">
            <a:extLst>
              <a:ext uri="{FF2B5EF4-FFF2-40B4-BE49-F238E27FC236}">
                <a16:creationId xmlns:a16="http://schemas.microsoft.com/office/drawing/2014/main" id="{ADD77F41-5EA1-4693-A2EA-A59EEA71642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863676" y="3176281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53" name="OTLSHAPE_SLT_7b60db6c9f0644bdadefe863533acb2d_Title">
            <a:extLst>
              <a:ext uri="{FF2B5EF4-FFF2-40B4-BE49-F238E27FC236}">
                <a16:creationId xmlns:a16="http://schemas.microsoft.com/office/drawing/2014/main" id="{61CE1D89-5660-462F-B9FA-10B987BCF0F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555228" y="3012663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lt1"/>
                </a:solidFill>
                <a:latin typeface="Calibri" panose="020F0502020204030204" pitchFamily="34" charset="0"/>
              </a:rPr>
              <a:t>Network Testing</a:t>
            </a:r>
          </a:p>
        </p:txBody>
      </p:sp>
      <p:sp>
        <p:nvSpPr>
          <p:cNvPr id="164" name="OTLSHAPE_SLT_21edabd5dc3549799029492ac6132aab_Title">
            <a:extLst>
              <a:ext uri="{FF2B5EF4-FFF2-40B4-BE49-F238E27FC236}">
                <a16:creationId xmlns:a16="http://schemas.microsoft.com/office/drawing/2014/main" id="{4BC85E09-EEBC-4F4C-8939-7A157A499BF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108603" y="3441500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Planning/Permitting</a:t>
            </a:r>
          </a:p>
        </p:txBody>
      </p:sp>
      <p:sp>
        <p:nvSpPr>
          <p:cNvPr id="172" name="OTLSHAPE_SLT_22022a449a7c419d9de574a8c893e63b_Title">
            <a:extLst>
              <a:ext uri="{FF2B5EF4-FFF2-40B4-BE49-F238E27FC236}">
                <a16:creationId xmlns:a16="http://schemas.microsoft.com/office/drawing/2014/main" id="{33D2D3FD-9886-4B56-8FAC-2EC0DFA5678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946919" y="34415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Lay Fiber</a:t>
            </a:r>
          </a:p>
        </p:txBody>
      </p:sp>
      <p:sp>
        <p:nvSpPr>
          <p:cNvPr id="180" name="OTLSHAPE_SLT_1bb6732d814f41fcaef4d32ebfee6c07_Title">
            <a:extLst>
              <a:ext uri="{FF2B5EF4-FFF2-40B4-BE49-F238E27FC236}">
                <a16:creationId xmlns:a16="http://schemas.microsoft.com/office/drawing/2014/main" id="{43301241-393C-44F3-A3A5-3E484C4460E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9446403" y="3441500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lt1"/>
                </a:solidFill>
                <a:latin typeface="Calibri" panose="020F0502020204030204" pitchFamily="34" charset="0"/>
              </a:rPr>
              <a:t>Network Testing</a:t>
            </a:r>
          </a:p>
        </p:txBody>
      </p:sp>
      <p:sp>
        <p:nvSpPr>
          <p:cNvPr id="235" name="OTLSHAPE_TB_00000000000000000000000000000000_MiddleTimescaleInterval1">
            <a:extLst>
              <a:ext uri="{FF2B5EF4-FFF2-40B4-BE49-F238E27FC236}">
                <a16:creationId xmlns:a16="http://schemas.microsoft.com/office/drawing/2014/main" id="{96E281B3-A738-48AF-B6FB-2E5127221F12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628685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37" name="OTLSHAPE_TB_00000000000000000000000000000000_MiddleTimescaleInterval2">
            <a:extLst>
              <a:ext uri="{FF2B5EF4-FFF2-40B4-BE49-F238E27FC236}">
                <a16:creationId xmlns:a16="http://schemas.microsoft.com/office/drawing/2014/main" id="{20597A71-2B8B-4F6F-8E2F-700FBEBD0FC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2449831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39" name="OTLSHAPE_TB_00000000000000000000000000000000_MiddleTimescaleInterval3">
            <a:extLst>
              <a:ext uri="{FF2B5EF4-FFF2-40B4-BE49-F238E27FC236}">
                <a16:creationId xmlns:a16="http://schemas.microsoft.com/office/drawing/2014/main" id="{8ADC56E2-A8D3-44EF-BF29-61AF977F22B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3270977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41" name="OTLSHAPE_TB_00000000000000000000000000000000_MiddleTimescaleInterval4">
            <a:extLst>
              <a:ext uri="{FF2B5EF4-FFF2-40B4-BE49-F238E27FC236}">
                <a16:creationId xmlns:a16="http://schemas.microsoft.com/office/drawing/2014/main" id="{D2075F93-A3C7-4F2B-87D8-D31CD86DECA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4074272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43" name="OTLSHAPE_TB_00000000000000000000000000000000_MiddleTimescaleInterval5">
            <a:extLst>
              <a:ext uri="{FF2B5EF4-FFF2-40B4-BE49-F238E27FC236}">
                <a16:creationId xmlns:a16="http://schemas.microsoft.com/office/drawing/2014/main" id="{98ED98A4-72F8-4A29-995F-D5C39A031107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886493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45" name="OTLSHAPE_TB_00000000000000000000000000000000_MiddleTimescaleInterval6">
            <a:extLst>
              <a:ext uri="{FF2B5EF4-FFF2-40B4-BE49-F238E27FC236}">
                <a16:creationId xmlns:a16="http://schemas.microsoft.com/office/drawing/2014/main" id="{0A194250-D00C-4F02-8835-8EDA53A9A543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707639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47" name="OTLSHAPE_TB_00000000000000000000000000000000_MiddleTimescaleInterval7">
            <a:extLst>
              <a:ext uri="{FF2B5EF4-FFF2-40B4-BE49-F238E27FC236}">
                <a16:creationId xmlns:a16="http://schemas.microsoft.com/office/drawing/2014/main" id="{A657EEF6-9C98-4FD8-8B91-537A335965F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6528785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49" name="OTLSHAPE_TB_00000000000000000000000000000000_MiddleTimescaleInterval8">
            <a:extLst>
              <a:ext uri="{FF2B5EF4-FFF2-40B4-BE49-F238E27FC236}">
                <a16:creationId xmlns:a16="http://schemas.microsoft.com/office/drawing/2014/main" id="{01CC4655-34DF-4D04-9E7F-34CB6F6542A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7332080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51" name="OTLSHAPE_TB_00000000000000000000000000000000_MiddleTimescaleInterval9">
            <a:extLst>
              <a:ext uri="{FF2B5EF4-FFF2-40B4-BE49-F238E27FC236}">
                <a16:creationId xmlns:a16="http://schemas.microsoft.com/office/drawing/2014/main" id="{90DE5E41-0C6A-4002-9765-2CF7944F05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8144301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53" name="OTLSHAPE_TB_00000000000000000000000000000000_MiddleTimescaleInterval10">
            <a:extLst>
              <a:ext uri="{FF2B5EF4-FFF2-40B4-BE49-F238E27FC236}">
                <a16:creationId xmlns:a16="http://schemas.microsoft.com/office/drawing/2014/main" id="{F56CBBBC-D6C7-4EFC-936F-6E2F8877719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8965447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55" name="OTLSHAPE_TB_00000000000000000000000000000000_MiddleTimescaleInterval11">
            <a:extLst>
              <a:ext uri="{FF2B5EF4-FFF2-40B4-BE49-F238E27FC236}">
                <a16:creationId xmlns:a16="http://schemas.microsoft.com/office/drawing/2014/main" id="{F77D8F9D-4383-4E1F-9F1B-E16B305F2505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786593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57" name="OTLSHAPE_TB_00000000000000000000000000000000_MiddleTimescaleInterval12">
            <a:extLst>
              <a:ext uri="{FF2B5EF4-FFF2-40B4-BE49-F238E27FC236}">
                <a16:creationId xmlns:a16="http://schemas.microsoft.com/office/drawing/2014/main" id="{EF19CBEB-35FF-4219-B6F8-C48097A8D20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0598814" y="147306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66" name="OTLSHAPE_SLT_b32c667ff3bf417fb207d79fe88d8d87_Title">
            <a:extLst>
              <a:ext uri="{FF2B5EF4-FFF2-40B4-BE49-F238E27FC236}">
                <a16:creationId xmlns:a16="http://schemas.microsoft.com/office/drawing/2014/main" id="{F911AC71-3932-478B-8098-E6AD625E0DF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653752" y="3933836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Planning/Permitting</a:t>
            </a:r>
          </a:p>
        </p:txBody>
      </p:sp>
      <p:sp>
        <p:nvSpPr>
          <p:cNvPr id="274" name="OTLSHAPE_SLT_cab2ff09ede244659ca802e5d80e6bdb_Title">
            <a:extLst>
              <a:ext uri="{FF2B5EF4-FFF2-40B4-BE49-F238E27FC236}">
                <a16:creationId xmlns:a16="http://schemas.microsoft.com/office/drawing/2014/main" id="{B7FFD0BB-5892-41A6-8D5B-FE79EF49465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741976" y="3933836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Lay Fiber</a:t>
            </a:r>
          </a:p>
        </p:txBody>
      </p:sp>
      <p:sp>
        <p:nvSpPr>
          <p:cNvPr id="282" name="OTLSHAPE_SLT_3012da95d7254bae976dc08f02032a3d_Title">
            <a:extLst>
              <a:ext uri="{FF2B5EF4-FFF2-40B4-BE49-F238E27FC236}">
                <a16:creationId xmlns:a16="http://schemas.microsoft.com/office/drawing/2014/main" id="{BA4DDD1C-667B-45F9-9F95-E34480D8742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8214684" y="3933836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 dirty="0">
                <a:solidFill>
                  <a:schemeClr val="lt1"/>
                </a:solidFill>
                <a:latin typeface="Calibri" panose="020F0502020204030204" pitchFamily="34" charset="0"/>
              </a:rPr>
              <a:t>Network Testing</a:t>
            </a:r>
          </a:p>
        </p:txBody>
      </p:sp>
      <p:sp>
        <p:nvSpPr>
          <p:cNvPr id="284" name="OTLSHAPE_SLM_0cee739581d04be0802838167a99f132_Title">
            <a:extLst>
              <a:ext uri="{FF2B5EF4-FFF2-40B4-BE49-F238E27FC236}">
                <a16:creationId xmlns:a16="http://schemas.microsoft.com/office/drawing/2014/main" id="{D62BEB67-3B3C-4E98-BB37-AC96B33793B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9067041" y="4097455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 dirty="0">
                <a:solidFill>
                  <a:schemeClr val="lt1"/>
                </a:solidFill>
                <a:latin typeface="Calibri" panose="020F0502020204030204" pitchFamily="34" charset="0"/>
              </a:rPr>
              <a:t>Upgrade Live</a:t>
            </a:r>
          </a:p>
        </p:txBody>
      </p:sp>
      <p:sp>
        <p:nvSpPr>
          <p:cNvPr id="289" name="OTLSHAPE_SLT_46565555cf8b4e2980d76f21b62563b7_TextPercentage">
            <a:extLst>
              <a:ext uri="{FF2B5EF4-FFF2-40B4-BE49-F238E27FC236}">
                <a16:creationId xmlns:a16="http://schemas.microsoft.com/office/drawing/2014/main" id="{ECB72010-F8D7-4347-A8C4-264E7877232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633658" y="4526291"/>
            <a:ext cx="177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293" name="OTLSHAPE_SLT_46565555cf8b4e2980d76f21b62563b7_Title">
            <a:extLst>
              <a:ext uri="{FF2B5EF4-FFF2-40B4-BE49-F238E27FC236}">
                <a16:creationId xmlns:a16="http://schemas.microsoft.com/office/drawing/2014/main" id="{5CCD95C9-A23B-46D1-81D2-D36C3A30935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278537" y="4362673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Planning/Permitting</a:t>
            </a:r>
          </a:p>
        </p:txBody>
      </p:sp>
      <p:sp>
        <p:nvSpPr>
          <p:cNvPr id="301" name="OTLSHAPE_SLT_8630a3cd14c849a089f90b0bf603d8e5_Title">
            <a:extLst>
              <a:ext uri="{FF2B5EF4-FFF2-40B4-BE49-F238E27FC236}">
                <a16:creationId xmlns:a16="http://schemas.microsoft.com/office/drawing/2014/main" id="{B371A590-C7BC-4CF3-BBF1-3081B505198F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465285" y="4362673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Lay Fiber</a:t>
            </a:r>
          </a:p>
        </p:txBody>
      </p:sp>
      <p:sp>
        <p:nvSpPr>
          <p:cNvPr id="309" name="OTLSHAPE_SLT_f35ea1bfdec341fa86c0c05ecd5d9cfa_Title">
            <a:extLst>
              <a:ext uri="{FF2B5EF4-FFF2-40B4-BE49-F238E27FC236}">
                <a16:creationId xmlns:a16="http://schemas.microsoft.com/office/drawing/2014/main" id="{39DB28A6-2FBA-46F9-8482-C49E215FB5CA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8357491" y="4362673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lt1"/>
                </a:solidFill>
                <a:latin typeface="Calibri" panose="020F0502020204030204" pitchFamily="34" charset="0"/>
              </a:rPr>
              <a:t>Network Testing</a:t>
            </a:r>
          </a:p>
        </p:txBody>
      </p:sp>
      <p:sp>
        <p:nvSpPr>
          <p:cNvPr id="311" name="OTLSHAPE_SLM_b31639d08ae3434187ded2692754946b_Title">
            <a:extLst>
              <a:ext uri="{FF2B5EF4-FFF2-40B4-BE49-F238E27FC236}">
                <a16:creationId xmlns:a16="http://schemas.microsoft.com/office/drawing/2014/main" id="{4C1DAE5F-99A0-4DD5-8022-B321F6DF15D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9468695" y="4526291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 dirty="0">
                <a:solidFill>
                  <a:schemeClr val="lt1"/>
                </a:solidFill>
                <a:latin typeface="Calibri" panose="020F0502020204030204" pitchFamily="34" charset="0"/>
              </a:rPr>
              <a:t>Upgrade Live</a:t>
            </a:r>
          </a:p>
        </p:txBody>
      </p:sp>
      <p:sp>
        <p:nvSpPr>
          <p:cNvPr id="316" name="OTLSHAPE_SLT_78ae29f5183a4aae9ecb930d31d93d0d_TextPercentage">
            <a:extLst>
              <a:ext uri="{FF2B5EF4-FFF2-40B4-BE49-F238E27FC236}">
                <a16:creationId xmlns:a16="http://schemas.microsoft.com/office/drawing/2014/main" id="{70DA8868-FD85-4357-98A7-C1EC9D41C99D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4595911" y="4955128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24" name="OTLSHAPE_SLT_22868c907d084be5a75f3caea195e9a6_TextPercentage">
            <a:extLst>
              <a:ext uri="{FF2B5EF4-FFF2-40B4-BE49-F238E27FC236}">
                <a16:creationId xmlns:a16="http://schemas.microsoft.com/office/drawing/2014/main" id="{E09CFB08-4E08-4FD0-B416-006B00B8464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5417057" y="4955128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28" name="OTLSHAPE_SLT_22868c907d084be5a75f3caea195e9a6_Title">
            <a:extLst>
              <a:ext uri="{FF2B5EF4-FFF2-40B4-BE49-F238E27FC236}">
                <a16:creationId xmlns:a16="http://schemas.microsoft.com/office/drawing/2014/main" id="{DEE13417-3CF4-4DFC-A7FF-7B73171018EA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4822993" y="4791509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Lay Fiber</a:t>
            </a:r>
          </a:p>
        </p:txBody>
      </p:sp>
      <p:sp>
        <p:nvSpPr>
          <p:cNvPr id="332" name="OTLSHAPE_SLT_04b61e26d55d49c1bfd1c6dbc553f688_TextPercentage">
            <a:extLst>
              <a:ext uri="{FF2B5EF4-FFF2-40B4-BE49-F238E27FC236}">
                <a16:creationId xmlns:a16="http://schemas.microsoft.com/office/drawing/2014/main" id="{44F1AB9C-1F74-4021-924C-9E75EA506B4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5952587" y="4955128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36" name="OTLSHAPE_SLT_04b61e26d55d49c1bfd1c6dbc553f688_Title">
            <a:extLst>
              <a:ext uri="{FF2B5EF4-FFF2-40B4-BE49-F238E27FC236}">
                <a16:creationId xmlns:a16="http://schemas.microsoft.com/office/drawing/2014/main" id="{6B298240-C251-42D3-978C-8A5EB8234C75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5644139" y="4791509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lt1"/>
                </a:solidFill>
                <a:latin typeface="Calibri" panose="020F0502020204030204" pitchFamily="34" charset="0"/>
              </a:rPr>
              <a:t>Network Testing</a:t>
            </a:r>
          </a:p>
        </p:txBody>
      </p:sp>
      <p:sp>
        <p:nvSpPr>
          <p:cNvPr id="338" name="OTLSHAPE_SLM_727328ed5e144f7e9f07d4501732532f_Title">
            <a:extLst>
              <a:ext uri="{FF2B5EF4-FFF2-40B4-BE49-F238E27FC236}">
                <a16:creationId xmlns:a16="http://schemas.microsoft.com/office/drawing/2014/main" id="{C209E1EE-5FDE-413F-82F4-CF36E241AECA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344769" y="4955128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Upgrade Live</a:t>
            </a:r>
          </a:p>
        </p:txBody>
      </p:sp>
      <p:sp>
        <p:nvSpPr>
          <p:cNvPr id="343" name="OTLSHAPE_SLT_568e9c9f19d6474e978bcb5c6af58349_TextPercentage">
            <a:extLst>
              <a:ext uri="{FF2B5EF4-FFF2-40B4-BE49-F238E27FC236}">
                <a16:creationId xmlns:a16="http://schemas.microsoft.com/office/drawing/2014/main" id="{1109F191-7776-47A8-810A-F1E0820180A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5149292" y="5383964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51" name="OTLSHAPE_SLT_46937117a41b4407bc4c18c5fc28125c_TextPercentage">
            <a:extLst>
              <a:ext uri="{FF2B5EF4-FFF2-40B4-BE49-F238E27FC236}">
                <a16:creationId xmlns:a16="http://schemas.microsoft.com/office/drawing/2014/main" id="{08220E5C-7898-4506-9148-5EA4DD992AE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5747014" y="5383964"/>
            <a:ext cx="177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355" name="OTLSHAPE_SLT_46937117a41b4407bc4c18c5fc28125c_Title">
            <a:extLst>
              <a:ext uri="{FF2B5EF4-FFF2-40B4-BE49-F238E27FC236}">
                <a16:creationId xmlns:a16="http://schemas.microsoft.com/office/drawing/2014/main" id="{CB24AC06-053E-450F-B3D0-F8FDAC5D0B6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5376374" y="5220346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Lay Fiber</a:t>
            </a:r>
          </a:p>
        </p:txBody>
      </p:sp>
      <p:sp>
        <p:nvSpPr>
          <p:cNvPr id="363" name="OTLSHAPE_SLT_aea0b0ec3ca449bca41db3a08f12b4b6_Title">
            <a:extLst>
              <a:ext uri="{FF2B5EF4-FFF2-40B4-BE49-F238E27FC236}">
                <a16:creationId xmlns:a16="http://schemas.microsoft.com/office/drawing/2014/main" id="{8AE39CB6-4B22-4504-9259-98E681E7DA36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6741976" y="5220346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 dirty="0">
                <a:solidFill>
                  <a:schemeClr val="lt1"/>
                </a:solidFill>
                <a:latin typeface="Calibri" panose="020F0502020204030204" pitchFamily="34" charset="0"/>
              </a:rPr>
              <a:t>Network Testing</a:t>
            </a:r>
          </a:p>
        </p:txBody>
      </p:sp>
      <p:sp>
        <p:nvSpPr>
          <p:cNvPr id="365" name="OTLSHAPE_SLM_ec8fd76e1de544c2a1cc3744d78582a0_Title">
            <a:extLst>
              <a:ext uri="{FF2B5EF4-FFF2-40B4-BE49-F238E27FC236}">
                <a16:creationId xmlns:a16="http://schemas.microsoft.com/office/drawing/2014/main" id="{42D4AB7D-48D5-46CB-95FE-CC3090F2E912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2520" y="5383964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Upgrade Live</a:t>
            </a:r>
          </a:p>
        </p:txBody>
      </p:sp>
      <p:sp>
        <p:nvSpPr>
          <p:cNvPr id="368" name="OTLSHAPE_SLM_cef444e6bafc4e2f8a4e3289bf25a900_Title">
            <a:extLst>
              <a:ext uri="{FF2B5EF4-FFF2-40B4-BE49-F238E27FC236}">
                <a16:creationId xmlns:a16="http://schemas.microsoft.com/office/drawing/2014/main" id="{34C6E4F8-B29E-4122-A942-B074A7CDE72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6353689" y="2318608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 dirty="0">
                <a:solidFill>
                  <a:schemeClr val="lt1"/>
                </a:solidFill>
                <a:latin typeface="Calibri" panose="020F0502020204030204" pitchFamily="34" charset="0"/>
              </a:rPr>
              <a:t>Upgrade Live</a:t>
            </a:r>
          </a:p>
        </p:txBody>
      </p:sp>
      <p:sp>
        <p:nvSpPr>
          <p:cNvPr id="371" name="OTLSHAPE_SLM_cf160c12921d4f71b6a4b0ac6826ce30_Title">
            <a:extLst>
              <a:ext uri="{FF2B5EF4-FFF2-40B4-BE49-F238E27FC236}">
                <a16:creationId xmlns:a16="http://schemas.microsoft.com/office/drawing/2014/main" id="{8B47BB83-AD0B-4E64-990D-3E6722F04379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7701439" y="2747445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 dirty="0">
                <a:solidFill>
                  <a:schemeClr val="lt1"/>
                </a:solidFill>
                <a:latin typeface="Calibri" panose="020F0502020204030204" pitchFamily="34" charset="0"/>
              </a:rPr>
              <a:t>Upgrade Live</a:t>
            </a:r>
          </a:p>
        </p:txBody>
      </p:sp>
      <p:sp>
        <p:nvSpPr>
          <p:cNvPr id="374" name="OTLSHAPE_SLM_3412eac2400c486396b4e9cd186680a9_Title">
            <a:extLst>
              <a:ext uri="{FF2B5EF4-FFF2-40B4-BE49-F238E27FC236}">
                <a16:creationId xmlns:a16="http://schemas.microsoft.com/office/drawing/2014/main" id="{F6DC3907-DC77-4032-BC9C-E9539B8D521C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5264777" y="3176281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Upgrade Live</a:t>
            </a:r>
          </a:p>
        </p:txBody>
      </p:sp>
      <p:sp>
        <p:nvSpPr>
          <p:cNvPr id="377" name="OTLSHAPE_SLM_212bb7d591b7461ba5094e8cc91e188d_Title">
            <a:extLst>
              <a:ext uri="{FF2B5EF4-FFF2-40B4-BE49-F238E27FC236}">
                <a16:creationId xmlns:a16="http://schemas.microsoft.com/office/drawing/2014/main" id="{B123C59C-D743-4646-A879-F28E93F169E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423717" y="3605118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lt1"/>
                </a:solidFill>
                <a:latin typeface="Calibri" panose="020F0502020204030204" pitchFamily="34" charset="0"/>
              </a:rPr>
              <a:t>Upgrade Live</a:t>
            </a:r>
          </a:p>
        </p:txBody>
      </p:sp>
      <p:sp>
        <p:nvSpPr>
          <p:cNvPr id="4" name="OTLSHAPE_SLT_b32c667ff3bf417fb207d79fe88d8d87_TextPercentage">
            <a:extLst>
              <a:ext uri="{FF2B5EF4-FFF2-40B4-BE49-F238E27FC236}">
                <a16:creationId xmlns:a16="http://schemas.microsoft.com/office/drawing/2014/main" id="{9F21E863-8C45-46C7-B4A6-73B98267565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5948728" y="4097455"/>
            <a:ext cx="177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80%</a:t>
            </a:r>
          </a:p>
        </p:txBody>
      </p:sp>
      <p:cxnSp>
        <p:nvCxnSpPr>
          <p:cNvPr id="232" name="OTLSHAPE_TB_00000000000000000000000000000000_Separator1">
            <a:extLst>
              <a:ext uri="{FF2B5EF4-FFF2-40B4-BE49-F238E27FC236}">
                <a16:creationId xmlns:a16="http://schemas.microsoft.com/office/drawing/2014/main" id="{70382EC2-1413-453C-A29D-D9AB7E3857C5}"/>
              </a:ext>
            </a:extLst>
          </p:cNvPr>
          <p:cNvCxnSpPr/>
          <p:nvPr>
            <p:custDataLst>
              <p:tags r:id="rId160"/>
            </p:custDataLst>
          </p:nvPr>
        </p:nvCxnSpPr>
        <p:spPr>
          <a:xfrm>
            <a:off x="3207477" y="128262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B_00000000000000000000000000000000_Separator2">
            <a:extLst>
              <a:ext uri="{FF2B5EF4-FFF2-40B4-BE49-F238E27FC236}">
                <a16:creationId xmlns:a16="http://schemas.microsoft.com/office/drawing/2014/main" id="{52A6F70C-CCFB-4C53-B03E-FF50EB1C7FF7}"/>
              </a:ext>
            </a:extLst>
          </p:cNvPr>
          <p:cNvCxnSpPr/>
          <p:nvPr>
            <p:custDataLst>
              <p:tags r:id="rId161"/>
            </p:custDataLst>
          </p:nvPr>
        </p:nvCxnSpPr>
        <p:spPr>
          <a:xfrm>
            <a:off x="6465285" y="128262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B_00000000000000000000000000000000_Separator3">
            <a:extLst>
              <a:ext uri="{FF2B5EF4-FFF2-40B4-BE49-F238E27FC236}">
                <a16:creationId xmlns:a16="http://schemas.microsoft.com/office/drawing/2014/main" id="{CC095A22-6E7A-4F4F-83D6-E8A3546BCD33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9723093" y="128262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B_00000000000000000000000000000000_MiddleSeparator1">
            <a:extLst>
              <a:ext uri="{FF2B5EF4-FFF2-40B4-BE49-F238E27FC236}">
                <a16:creationId xmlns:a16="http://schemas.microsoft.com/office/drawing/2014/main" id="{8C207F89-43CA-47F0-9958-D9E875B0C47B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2386331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TB_00000000000000000000000000000000_MiddleSeparator2">
            <a:extLst>
              <a:ext uri="{FF2B5EF4-FFF2-40B4-BE49-F238E27FC236}">
                <a16:creationId xmlns:a16="http://schemas.microsoft.com/office/drawing/2014/main" id="{BD2A2177-943E-4789-869C-1762F7A27594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3207477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TB_00000000000000000000000000000000_MiddleSeparator3">
            <a:extLst>
              <a:ext uri="{FF2B5EF4-FFF2-40B4-BE49-F238E27FC236}">
                <a16:creationId xmlns:a16="http://schemas.microsoft.com/office/drawing/2014/main" id="{50110705-1A90-46A8-84C2-553C0D63D1E3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4010772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B_00000000000000000000000000000000_MiddleSeparator4">
            <a:extLst>
              <a:ext uri="{FF2B5EF4-FFF2-40B4-BE49-F238E27FC236}">
                <a16:creationId xmlns:a16="http://schemas.microsoft.com/office/drawing/2014/main" id="{EFB78E94-0F6D-43F4-BC9D-A66F85ECDCDD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4822993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TB_00000000000000000000000000000000_MiddleSeparator5">
            <a:extLst>
              <a:ext uri="{FF2B5EF4-FFF2-40B4-BE49-F238E27FC236}">
                <a16:creationId xmlns:a16="http://schemas.microsoft.com/office/drawing/2014/main" id="{B28188E3-4F74-4EF0-AC9B-DB365D3BD2D4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5644139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B_00000000000000000000000000000000_MiddleSeparator6">
            <a:extLst>
              <a:ext uri="{FF2B5EF4-FFF2-40B4-BE49-F238E27FC236}">
                <a16:creationId xmlns:a16="http://schemas.microsoft.com/office/drawing/2014/main" id="{1D745101-E8D5-48A3-BB3F-56FB722A7CFF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6465285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MiddleSeparator7">
            <a:extLst>
              <a:ext uri="{FF2B5EF4-FFF2-40B4-BE49-F238E27FC236}">
                <a16:creationId xmlns:a16="http://schemas.microsoft.com/office/drawing/2014/main" id="{8FA212BE-2841-4688-8549-4DC26CC71756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7268580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MiddleSeparator8">
            <a:extLst>
              <a:ext uri="{FF2B5EF4-FFF2-40B4-BE49-F238E27FC236}">
                <a16:creationId xmlns:a16="http://schemas.microsoft.com/office/drawing/2014/main" id="{642AF8AD-924E-4D8D-BE71-3BEB3E65C78C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8080801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B_00000000000000000000000000000000_MiddleSeparator9">
            <a:extLst>
              <a:ext uri="{FF2B5EF4-FFF2-40B4-BE49-F238E27FC236}">
                <a16:creationId xmlns:a16="http://schemas.microsoft.com/office/drawing/2014/main" id="{7551366A-4C54-4CFD-91DE-8F5DC566521D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8901947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B_00000000000000000000000000000000_MiddleSeparator10">
            <a:extLst>
              <a:ext uri="{FF2B5EF4-FFF2-40B4-BE49-F238E27FC236}">
                <a16:creationId xmlns:a16="http://schemas.microsoft.com/office/drawing/2014/main" id="{F94A83A8-9595-4FF2-A694-E498E1C6309A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9723093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TB_00000000000000000000000000000000_MiddleSeparator11">
            <a:extLst>
              <a:ext uri="{FF2B5EF4-FFF2-40B4-BE49-F238E27FC236}">
                <a16:creationId xmlns:a16="http://schemas.microsoft.com/office/drawing/2014/main" id="{413CAED5-4B15-42A5-8495-B32463D110A5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10535314" y="14746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" name="TextBox 380">
            <a:extLst>
              <a:ext uri="{FF2B5EF4-FFF2-40B4-BE49-F238E27FC236}">
                <a16:creationId xmlns:a16="http://schemas.microsoft.com/office/drawing/2014/main" id="{1A1935C4-F99A-41CF-9026-81FAB6182D27}"/>
              </a:ext>
            </a:extLst>
          </p:cNvPr>
          <p:cNvSpPr txBox="1"/>
          <p:nvPr/>
        </p:nvSpPr>
        <p:spPr>
          <a:xfrm>
            <a:off x="2780835" y="1889769"/>
            <a:ext cx="93861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/>
              <a:t>FCC Review</a:t>
            </a:r>
          </a:p>
        </p:txBody>
      </p:sp>
      <p:sp>
        <p:nvSpPr>
          <p:cNvPr id="383" name="TextBox 382">
            <a:extLst>
              <a:ext uri="{FF2B5EF4-FFF2-40B4-BE49-F238E27FC236}">
                <a16:creationId xmlns:a16="http://schemas.microsoft.com/office/drawing/2014/main" id="{CDE720B0-3FEB-4423-B77E-3F4AB6E3B43F}"/>
              </a:ext>
            </a:extLst>
          </p:cNvPr>
          <p:cNvSpPr txBox="1"/>
          <p:nvPr/>
        </p:nvSpPr>
        <p:spPr>
          <a:xfrm>
            <a:off x="9309991" y="1807035"/>
            <a:ext cx="1853534" cy="1323439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200" b="1" dirty="0"/>
              <a:t>Phases</a:t>
            </a:r>
          </a:p>
          <a:p>
            <a:pPr>
              <a:spcAft>
                <a:spcPts val="600"/>
              </a:spcAft>
            </a:pPr>
            <a:r>
              <a:rPr lang="en-US" sz="1200" dirty="0"/>
              <a:t>Planning/Permitting</a:t>
            </a:r>
          </a:p>
          <a:p>
            <a:pPr>
              <a:spcAft>
                <a:spcPts val="600"/>
              </a:spcAft>
            </a:pPr>
            <a:r>
              <a:rPr lang="en-US" sz="1200" dirty="0"/>
              <a:t>Lay Fiber</a:t>
            </a:r>
          </a:p>
          <a:p>
            <a:pPr>
              <a:spcAft>
                <a:spcPts val="600"/>
              </a:spcAft>
            </a:pPr>
            <a:r>
              <a:rPr lang="en-US" sz="1200" dirty="0"/>
              <a:t>Network Testing</a:t>
            </a:r>
          </a:p>
          <a:p>
            <a:pPr>
              <a:spcAft>
                <a:spcPts val="600"/>
              </a:spcAft>
            </a:pPr>
            <a:r>
              <a:rPr lang="en-US" sz="1200" dirty="0"/>
              <a:t>Upgrade Live</a:t>
            </a:r>
          </a:p>
        </p:txBody>
      </p:sp>
      <p:grpSp>
        <p:nvGrpSpPr>
          <p:cNvPr id="388" name="Group 387">
            <a:extLst>
              <a:ext uri="{FF2B5EF4-FFF2-40B4-BE49-F238E27FC236}">
                <a16:creationId xmlns:a16="http://schemas.microsoft.com/office/drawing/2014/main" id="{34F4F405-D890-416A-9CE3-D6855C77B075}"/>
              </a:ext>
            </a:extLst>
          </p:cNvPr>
          <p:cNvGrpSpPr/>
          <p:nvPr/>
        </p:nvGrpSpPr>
        <p:grpSpPr>
          <a:xfrm>
            <a:off x="10731590" y="2146106"/>
            <a:ext cx="331768" cy="930528"/>
            <a:chOff x="11633331" y="2108625"/>
            <a:chExt cx="331768" cy="930528"/>
          </a:xfrm>
        </p:grpSpPr>
        <p:sp>
          <p:nvSpPr>
            <p:cNvPr id="384" name="Rectangle 383">
              <a:extLst>
                <a:ext uri="{FF2B5EF4-FFF2-40B4-BE49-F238E27FC236}">
                  <a16:creationId xmlns:a16="http://schemas.microsoft.com/office/drawing/2014/main" id="{B8406906-2B8E-4AFF-ADA9-5DAD567BBA8D}"/>
                </a:ext>
              </a:extLst>
            </p:cNvPr>
            <p:cNvSpPr/>
            <p:nvPr/>
          </p:nvSpPr>
          <p:spPr>
            <a:xfrm>
              <a:off x="11633331" y="2108625"/>
              <a:ext cx="331768" cy="13716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85" name="Rectangle 384">
              <a:extLst>
                <a:ext uri="{FF2B5EF4-FFF2-40B4-BE49-F238E27FC236}">
                  <a16:creationId xmlns:a16="http://schemas.microsoft.com/office/drawing/2014/main" id="{CBDCF46A-F6CD-4FBE-8CD2-25FB0FBAF6E9}"/>
                </a:ext>
              </a:extLst>
            </p:cNvPr>
            <p:cNvSpPr/>
            <p:nvPr/>
          </p:nvSpPr>
          <p:spPr>
            <a:xfrm>
              <a:off x="11633331" y="2362654"/>
              <a:ext cx="331768" cy="137160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6" name="Rectangle 385">
              <a:extLst>
                <a:ext uri="{FF2B5EF4-FFF2-40B4-BE49-F238E27FC236}">
                  <a16:creationId xmlns:a16="http://schemas.microsoft.com/office/drawing/2014/main" id="{367DE38C-8512-4599-8B61-84EA72749C7C}"/>
                </a:ext>
              </a:extLst>
            </p:cNvPr>
            <p:cNvSpPr/>
            <p:nvPr/>
          </p:nvSpPr>
          <p:spPr>
            <a:xfrm>
              <a:off x="11633331" y="2616682"/>
              <a:ext cx="331768" cy="13716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7" name="Diamond 386">
              <a:extLst>
                <a:ext uri="{FF2B5EF4-FFF2-40B4-BE49-F238E27FC236}">
                  <a16:creationId xmlns:a16="http://schemas.microsoft.com/office/drawing/2014/main" id="{0C70CDF1-4BC9-4579-86A3-D717B5991025}"/>
                </a:ext>
              </a:extLst>
            </p:cNvPr>
            <p:cNvSpPr/>
            <p:nvPr/>
          </p:nvSpPr>
          <p:spPr>
            <a:xfrm>
              <a:off x="11709336" y="2842648"/>
              <a:ext cx="182088" cy="196505"/>
            </a:xfrm>
            <a:prstGeom prst="diamond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82" name="Group 381">
            <a:extLst>
              <a:ext uri="{FF2B5EF4-FFF2-40B4-BE49-F238E27FC236}">
                <a16:creationId xmlns:a16="http://schemas.microsoft.com/office/drawing/2014/main" id="{735EDA66-3E97-4D15-9DD7-9431ADF1D4AB}"/>
              </a:ext>
            </a:extLst>
          </p:cNvPr>
          <p:cNvGrpSpPr/>
          <p:nvPr/>
        </p:nvGrpSpPr>
        <p:grpSpPr>
          <a:xfrm>
            <a:off x="11429058" y="3372800"/>
            <a:ext cx="276999" cy="2332381"/>
            <a:chOff x="11446296" y="4100169"/>
            <a:chExt cx="276999" cy="2332381"/>
          </a:xfrm>
        </p:grpSpPr>
        <p:pic>
          <p:nvPicPr>
            <p:cNvPr id="390" name="Picture 389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DBEAD268-82C2-470E-8C7B-6026BF8F8034}"/>
                </a:ext>
              </a:extLst>
            </p:cNvPr>
            <p:cNvPicPr>
              <a:picLocks noChangeAspect="1"/>
            </p:cNvPicPr>
            <p:nvPr/>
          </p:nvPicPr>
          <p:blipFill>
            <a:blip r:embed="rId17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91" name="TextBox 390">
              <a:extLst>
                <a:ext uri="{FF2B5EF4-FFF2-40B4-BE49-F238E27FC236}">
                  <a16:creationId xmlns:a16="http://schemas.microsoft.com/office/drawing/2014/main" id="{7037679E-6399-4E9F-BED3-8D2B28FCF851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5" name="TextBox 4">
            <a:extLst>
              <a:ext uri="{FF2B5EF4-FFF2-40B4-BE49-F238E27FC236}">
                <a16:creationId xmlns:a16="http://schemas.microsoft.com/office/drawing/2014/main" id="{50C82242-4DE3-4DE7-8177-663CBAEF3547}"/>
              </a:ext>
            </a:extLst>
          </p:cNvPr>
          <p:cNvSpPr txBox="1"/>
          <p:nvPr/>
        </p:nvSpPr>
        <p:spPr>
          <a:xfrm>
            <a:off x="6871316" y="4877447"/>
            <a:ext cx="1055334" cy="400110"/>
          </a:xfrm>
          <a:prstGeom prst="rect">
            <a:avLst/>
          </a:prstGeom>
          <a:solidFill>
            <a:schemeClr val="bg1"/>
          </a:solidFill>
          <a:ln w="12700">
            <a:solidFill>
              <a:schemeClr val="accent6">
                <a:lumMod val="60000"/>
                <a:lumOff val="4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1000" dirty="0"/>
              <a:t>Right-of-way acquisition delay</a:t>
            </a:r>
          </a:p>
        </p:txBody>
      </p:sp>
      <p:cxnSp>
        <p:nvCxnSpPr>
          <p:cNvPr id="72" name="Connector: Elbow 71">
            <a:extLst>
              <a:ext uri="{FF2B5EF4-FFF2-40B4-BE49-F238E27FC236}">
                <a16:creationId xmlns:a16="http://schemas.microsoft.com/office/drawing/2014/main" id="{9EDE5FE9-EBB9-4C0B-8F48-C3728D0DB906}"/>
              </a:ext>
            </a:extLst>
          </p:cNvPr>
          <p:cNvCxnSpPr>
            <a:stCxn id="5" idx="1"/>
            <a:endCxn id="289" idx="3"/>
          </p:cNvCxnSpPr>
          <p:nvPr/>
        </p:nvCxnSpPr>
        <p:spPr>
          <a:xfrm rot="10800000">
            <a:off x="5811458" y="4588310"/>
            <a:ext cx="1059858" cy="489192"/>
          </a:xfrm>
          <a:prstGeom prst="bentConnector3">
            <a:avLst>
              <a:gd name="adj1" fmla="val 50000"/>
            </a:avLst>
          </a:prstGeom>
          <a:ln w="12700">
            <a:solidFill>
              <a:schemeClr val="accent6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9" name="TextBox 378">
            <a:extLst>
              <a:ext uri="{FF2B5EF4-FFF2-40B4-BE49-F238E27FC236}">
                <a16:creationId xmlns:a16="http://schemas.microsoft.com/office/drawing/2014/main" id="{EFD8C7AE-484C-4AAA-84C8-583024DD2D9E}"/>
              </a:ext>
            </a:extLst>
          </p:cNvPr>
          <p:cNvSpPr txBox="1"/>
          <p:nvPr/>
        </p:nvSpPr>
        <p:spPr>
          <a:xfrm>
            <a:off x="1565184" y="606490"/>
            <a:ext cx="675003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Fiber Installation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639111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2A_bb828bee12564d9292cac8eb5294117a_BackgroundRectangle">
            <a:extLst>
              <a:ext uri="{FF2B5EF4-FFF2-40B4-BE49-F238E27FC236}">
                <a16:creationId xmlns:a16="http://schemas.microsoft.com/office/drawing/2014/main" id="{D087FAF8-8E1C-4C42-9E3B-6B9D770A273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19764" y="2078059"/>
            <a:ext cx="10236200" cy="81059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2A_562adc17374c412ab9a52ce2aabdf852_BackgroundRectangle">
            <a:extLst>
              <a:ext uri="{FF2B5EF4-FFF2-40B4-BE49-F238E27FC236}">
                <a16:creationId xmlns:a16="http://schemas.microsoft.com/office/drawing/2014/main" id="{11365D8C-E20E-4457-B5AB-0E653A38689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19764" y="2952157"/>
            <a:ext cx="10236200" cy="71052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2A_7389f5fcf03d49a095dcbd34a34b66dd_BackgroundRectangle">
            <a:extLst>
              <a:ext uri="{FF2B5EF4-FFF2-40B4-BE49-F238E27FC236}">
                <a16:creationId xmlns:a16="http://schemas.microsoft.com/office/drawing/2014/main" id="{C42D3E41-9736-4A02-BE43-7866690349F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19764" y="3726180"/>
            <a:ext cx="10236200" cy="105672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2A_2320c5583ecf4588b4a1fecbf0ea192b_BackgroundRectangle">
            <a:extLst>
              <a:ext uri="{FF2B5EF4-FFF2-40B4-BE49-F238E27FC236}">
                <a16:creationId xmlns:a16="http://schemas.microsoft.com/office/drawing/2014/main" id="{007449D5-4CB9-4F3F-9EFC-4C914D07BBE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19764" y="4846405"/>
            <a:ext cx="10236200" cy="6174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2A_70375dbe8d2a480887d83e2f2c4f305e_BackgroundRectangle">
            <a:extLst>
              <a:ext uri="{FF2B5EF4-FFF2-40B4-BE49-F238E27FC236}">
                <a16:creationId xmlns:a16="http://schemas.microsoft.com/office/drawing/2014/main" id="{D92E7BC1-9EA4-4649-8476-E6BC16D8C55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19764" y="5527379"/>
            <a:ext cx="10236200" cy="6174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" name="OTLSHAPE_TB_00000000000000000000000000000000_ScaleContainer">
            <a:extLst>
              <a:ext uri="{FF2B5EF4-FFF2-40B4-BE49-F238E27FC236}">
                <a16:creationId xmlns:a16="http://schemas.microsoft.com/office/drawing/2014/main" id="{CBEA9207-BBBD-492F-9206-4DFA9EE345F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102037" y="1028700"/>
            <a:ext cx="9245600" cy="182880"/>
          </a:xfrm>
          <a:prstGeom prst="round2Same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3ba3d00e6bfd4aa080d6461ac99d631d_HeaderRectangle">
            <a:extLst>
              <a:ext uri="{FF2B5EF4-FFF2-40B4-BE49-F238E27FC236}">
                <a16:creationId xmlns:a16="http://schemas.microsoft.com/office/drawing/2014/main" id="{81194B2F-827B-41E8-9BE8-D2B491DE729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2078059"/>
            <a:ext cx="1066800" cy="810599"/>
          </a:xfrm>
          <a:prstGeom prst="rect">
            <a:avLst/>
          </a:prstGeom>
          <a:solidFill>
            <a:srgbClr val="713E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ce775e52cf7646a8b42fc9fe2748c322_HeaderRectangle">
            <a:extLst>
              <a:ext uri="{FF2B5EF4-FFF2-40B4-BE49-F238E27FC236}">
                <a16:creationId xmlns:a16="http://schemas.microsoft.com/office/drawing/2014/main" id="{7786D430-BC7D-48F2-B8D7-695B605D468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952157"/>
            <a:ext cx="1066800" cy="710523"/>
          </a:xfrm>
          <a:prstGeom prst="rect">
            <a:avLst/>
          </a:prstGeom>
          <a:solidFill>
            <a:srgbClr val="417B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378bfb94a31d41b085decfafc5d61d2b_HeaderRectangle">
            <a:extLst>
              <a:ext uri="{FF2B5EF4-FFF2-40B4-BE49-F238E27FC236}">
                <a16:creationId xmlns:a16="http://schemas.microsoft.com/office/drawing/2014/main" id="{707AD7C7-07F7-4981-89BC-7ECC01FC3C7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726180"/>
            <a:ext cx="1066800" cy="1056725"/>
          </a:xfrm>
          <a:prstGeom prst="rect">
            <a:avLst/>
          </a:prstGeom>
          <a:solidFill>
            <a:srgbClr val="8D99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_d88285aa1c5f4649b5d35f283b823ba8_HeaderRectangle">
            <a:extLst>
              <a:ext uri="{FF2B5EF4-FFF2-40B4-BE49-F238E27FC236}">
                <a16:creationId xmlns:a16="http://schemas.microsoft.com/office/drawing/2014/main" id="{297DB400-792C-4619-A837-B36FF5A602D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846405"/>
            <a:ext cx="1066800" cy="617474"/>
          </a:xfrm>
          <a:prstGeom prst="rect">
            <a:avLst/>
          </a:prstGeom>
          <a:solidFill>
            <a:srgbClr val="F087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OTLSHAPE_SL_e78ebba4e02d4f9eaccc784c80ecf695_HeaderRectangle">
            <a:extLst>
              <a:ext uri="{FF2B5EF4-FFF2-40B4-BE49-F238E27FC236}">
                <a16:creationId xmlns:a16="http://schemas.microsoft.com/office/drawing/2014/main" id="{C4D43FA7-F8FF-4117-965D-F7590C040418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527379"/>
            <a:ext cx="1066800" cy="617474"/>
          </a:xfrm>
          <a:prstGeom prst="rect">
            <a:avLst/>
          </a:prstGeom>
          <a:solidFill>
            <a:srgbClr val="E56B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" name="OTLSHAPE_TB_00000000000000000000000000000000_MiddleScaleContainer">
            <a:extLst>
              <a:ext uri="{FF2B5EF4-FFF2-40B4-BE49-F238E27FC236}">
                <a16:creationId xmlns:a16="http://schemas.microsoft.com/office/drawing/2014/main" id="{0728DE43-93EA-4896-878D-B6F85834F74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102037" y="1220724"/>
            <a:ext cx="9245600" cy="18288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" name="OTLSHAPE_TB_00000000000000000000000000000000_BottomScaleContainer">
            <a:extLst>
              <a:ext uri="{FF2B5EF4-FFF2-40B4-BE49-F238E27FC236}">
                <a16:creationId xmlns:a16="http://schemas.microsoft.com/office/drawing/2014/main" id="{D97E34D7-E5BF-4B47-9B47-E7CC6A9B3EC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102037" y="1412748"/>
            <a:ext cx="9245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2A_bb828bee12564d9292cac8eb5294117a_HeaderRectangle">
            <a:extLst>
              <a:ext uri="{FF2B5EF4-FFF2-40B4-BE49-F238E27FC236}">
                <a16:creationId xmlns:a16="http://schemas.microsoft.com/office/drawing/2014/main" id="{109FCB86-51EE-4C22-9991-84896DABF0E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19764" y="2078059"/>
            <a:ext cx="863600" cy="810599"/>
          </a:xfrm>
          <a:prstGeom prst="rect">
            <a:avLst/>
          </a:prstGeom>
          <a:solidFill>
            <a:srgbClr val="713E5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2A_562adc17374c412ab9a52ce2aabdf852_HeaderRectangle">
            <a:extLst>
              <a:ext uri="{FF2B5EF4-FFF2-40B4-BE49-F238E27FC236}">
                <a16:creationId xmlns:a16="http://schemas.microsoft.com/office/drawing/2014/main" id="{6CF12A12-98C6-42AF-A024-A97039CB7A5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19764" y="2952157"/>
            <a:ext cx="863600" cy="710523"/>
          </a:xfrm>
          <a:prstGeom prst="rect">
            <a:avLst/>
          </a:prstGeom>
          <a:solidFill>
            <a:srgbClr val="417B5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2A_7389f5fcf03d49a095dcbd34a34b66dd_HeaderRectangle">
            <a:extLst>
              <a:ext uri="{FF2B5EF4-FFF2-40B4-BE49-F238E27FC236}">
                <a16:creationId xmlns:a16="http://schemas.microsoft.com/office/drawing/2014/main" id="{362236CA-C34E-462F-B1EE-ECB29DEF27F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19764" y="3726180"/>
            <a:ext cx="863600" cy="1056725"/>
          </a:xfrm>
          <a:prstGeom prst="rect">
            <a:avLst/>
          </a:prstGeom>
          <a:solidFill>
            <a:srgbClr val="8D99A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2320c5583ecf4588b4a1fecbf0ea192b_HeaderRectangle">
            <a:extLst>
              <a:ext uri="{FF2B5EF4-FFF2-40B4-BE49-F238E27FC236}">
                <a16:creationId xmlns:a16="http://schemas.microsoft.com/office/drawing/2014/main" id="{0E260B15-9D54-47DB-AA8C-0D5A74A8EA6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19764" y="4846405"/>
            <a:ext cx="863600" cy="617474"/>
          </a:xfrm>
          <a:prstGeom prst="rect">
            <a:avLst/>
          </a:prstGeom>
          <a:solidFill>
            <a:srgbClr val="F0870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70375dbe8d2a480887d83e2f2c4f305e_HeaderRectangle">
            <a:extLst>
              <a:ext uri="{FF2B5EF4-FFF2-40B4-BE49-F238E27FC236}">
                <a16:creationId xmlns:a16="http://schemas.microsoft.com/office/drawing/2014/main" id="{6713D87F-91E6-4C4A-9553-37650EE3449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19764" y="5527379"/>
            <a:ext cx="863600" cy="617474"/>
          </a:xfrm>
          <a:prstGeom prst="rect">
            <a:avLst/>
          </a:prstGeom>
          <a:solidFill>
            <a:srgbClr val="E56B7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9FD4BA1E-B37B-483D-BD77-948A4570DF0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015423" y="1595628"/>
            <a:ext cx="0" cy="4549225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1E8F380D-5579-4A65-8806-BF2CE490698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938958" y="1595628"/>
            <a:ext cx="0" cy="4549225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67028B78-326C-4D2E-9921-96D5F99051D0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872641" y="1595628"/>
            <a:ext cx="0" cy="4549225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3">
            <a:extLst>
              <a:ext uri="{FF2B5EF4-FFF2-40B4-BE49-F238E27FC236}">
                <a16:creationId xmlns:a16="http://schemas.microsoft.com/office/drawing/2014/main" id="{B0A98A8A-241C-49B8-BB6F-D89ABF93AD9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06325" y="1595628"/>
            <a:ext cx="0" cy="4549225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4">
            <a:extLst>
              <a:ext uri="{FF2B5EF4-FFF2-40B4-BE49-F238E27FC236}">
                <a16:creationId xmlns:a16="http://schemas.microsoft.com/office/drawing/2014/main" id="{00846D39-32C2-4348-97D1-3B89750E1C1B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19712" y="1595628"/>
            <a:ext cx="0" cy="4549225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G_00000000000000000000000000000000_ShapeBelow5">
            <a:extLst>
              <a:ext uri="{FF2B5EF4-FFF2-40B4-BE49-F238E27FC236}">
                <a16:creationId xmlns:a16="http://schemas.microsoft.com/office/drawing/2014/main" id="{618E8857-A765-481F-A5FE-6332728FEE12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43246" y="1595628"/>
            <a:ext cx="0" cy="4549225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6">
            <a:extLst>
              <a:ext uri="{FF2B5EF4-FFF2-40B4-BE49-F238E27FC236}">
                <a16:creationId xmlns:a16="http://schemas.microsoft.com/office/drawing/2014/main" id="{39BAF817-402E-4526-9C27-3E089F68C3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6930" y="1595628"/>
            <a:ext cx="0" cy="4549225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7">
            <a:extLst>
              <a:ext uri="{FF2B5EF4-FFF2-40B4-BE49-F238E27FC236}">
                <a16:creationId xmlns:a16="http://schemas.microsoft.com/office/drawing/2014/main" id="{FBB1BD53-E849-4F4D-A686-92F6AB46376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510613" y="1595628"/>
            <a:ext cx="0" cy="4549225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8">
            <a:extLst>
              <a:ext uri="{FF2B5EF4-FFF2-40B4-BE49-F238E27FC236}">
                <a16:creationId xmlns:a16="http://schemas.microsoft.com/office/drawing/2014/main" id="{DF851290-E19B-41DC-8E6C-3C60AFB79CF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423999" y="1595628"/>
            <a:ext cx="0" cy="4549225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2006346cf6eb4250807a55421814948f_Shape">
            <a:extLst>
              <a:ext uri="{FF2B5EF4-FFF2-40B4-BE49-F238E27FC236}">
                <a16:creationId xmlns:a16="http://schemas.microsoft.com/office/drawing/2014/main" id="{A7B377DE-AB1D-48AF-BC19-C8CDF662306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654793" y="2116159"/>
            <a:ext cx="304800" cy="155025"/>
          </a:xfrm>
          <a:prstGeom prst="roundRect">
            <a:avLst>
              <a:gd name="adj" fmla="val 100000"/>
            </a:avLst>
          </a:prstGeom>
          <a:solidFill>
            <a:srgbClr val="713E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T_5b3fed1e9406404ca661502fb70493e7_Shape">
            <a:extLst>
              <a:ext uri="{FF2B5EF4-FFF2-40B4-BE49-F238E27FC236}">
                <a16:creationId xmlns:a16="http://schemas.microsoft.com/office/drawing/2014/main" id="{DB4545A7-3E4B-44B0-974F-385222FC898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949107" y="2116159"/>
            <a:ext cx="952500" cy="155025"/>
          </a:xfrm>
          <a:prstGeom prst="roundRect">
            <a:avLst>
              <a:gd name="adj" fmla="val 100000"/>
            </a:avLst>
          </a:prstGeom>
          <a:solidFill>
            <a:srgbClr val="713E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5bda6deb16554a79b7bf3a8eb5664c1a_Shape">
            <a:extLst>
              <a:ext uri="{FF2B5EF4-FFF2-40B4-BE49-F238E27FC236}">
                <a16:creationId xmlns:a16="http://schemas.microsoft.com/office/drawing/2014/main" id="{D632D515-9ED0-4C6F-BAE9-A1FB93F5B3B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501863" y="2502408"/>
            <a:ext cx="914400" cy="155025"/>
          </a:xfrm>
          <a:prstGeom prst="roundRect">
            <a:avLst>
              <a:gd name="adj" fmla="val 100000"/>
            </a:avLst>
          </a:prstGeom>
          <a:solidFill>
            <a:srgbClr val="713E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T_b1b9fa83f35641ddb9405a15c1472f83_Shape">
            <a:extLst>
              <a:ext uri="{FF2B5EF4-FFF2-40B4-BE49-F238E27FC236}">
                <a16:creationId xmlns:a16="http://schemas.microsoft.com/office/drawing/2014/main" id="{817E3F39-2E99-4E86-AF6D-1522C02ED8B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872641" y="2309283"/>
            <a:ext cx="647700" cy="155025"/>
          </a:xfrm>
          <a:prstGeom prst="roundRect">
            <a:avLst>
              <a:gd name="adj" fmla="val 100000"/>
            </a:avLst>
          </a:prstGeom>
          <a:solidFill>
            <a:srgbClr val="713E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SLT_e72a2b7bdda84375a5dfc736517692bc_Shape">
            <a:extLst>
              <a:ext uri="{FF2B5EF4-FFF2-40B4-BE49-F238E27FC236}">
                <a16:creationId xmlns:a16="http://schemas.microsoft.com/office/drawing/2014/main" id="{9450C509-7462-457A-A6C6-315D8CF0B19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501863" y="2309283"/>
            <a:ext cx="457200" cy="155025"/>
          </a:xfrm>
          <a:prstGeom prst="roundRect">
            <a:avLst>
              <a:gd name="adj" fmla="val 100000"/>
            </a:avLst>
          </a:prstGeom>
          <a:solidFill>
            <a:srgbClr val="713E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5cfee2e8a58647cca8c6c1bee1209695_Shape">
            <a:extLst>
              <a:ext uri="{FF2B5EF4-FFF2-40B4-BE49-F238E27FC236}">
                <a16:creationId xmlns:a16="http://schemas.microsoft.com/office/drawing/2014/main" id="{BB961942-19F6-40B6-83CC-90E3BC2214A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938259" y="2695533"/>
            <a:ext cx="939800" cy="155025"/>
          </a:xfrm>
          <a:prstGeom prst="roundRect">
            <a:avLst>
              <a:gd name="adj" fmla="val 100000"/>
            </a:avLst>
          </a:prstGeom>
          <a:solidFill>
            <a:srgbClr val="713E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49e6485ee2b74a569cd5df1102ff1ade_Shape">
            <a:extLst>
              <a:ext uri="{FF2B5EF4-FFF2-40B4-BE49-F238E27FC236}">
                <a16:creationId xmlns:a16="http://schemas.microsoft.com/office/drawing/2014/main" id="{0A28B4EB-3D92-401E-B25A-C3DD8560F48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731258" y="3036782"/>
            <a:ext cx="317500" cy="155025"/>
          </a:xfrm>
          <a:prstGeom prst="roundRect">
            <a:avLst>
              <a:gd name="adj" fmla="val 100000"/>
            </a:avLst>
          </a:prstGeom>
          <a:solidFill>
            <a:srgbClr val="417B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T_9987b2357e6f49e58922703c172de26d_Shape">
            <a:extLst>
              <a:ext uri="{FF2B5EF4-FFF2-40B4-BE49-F238E27FC236}">
                <a16:creationId xmlns:a16="http://schemas.microsoft.com/office/drawing/2014/main" id="{EF59731E-85CF-4FA1-8A48-1E169CF7BDE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025572" y="3036782"/>
            <a:ext cx="469900" cy="155025"/>
          </a:xfrm>
          <a:prstGeom prst="roundRect">
            <a:avLst>
              <a:gd name="adj" fmla="val 100000"/>
            </a:avLst>
          </a:prstGeom>
          <a:solidFill>
            <a:srgbClr val="417B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423ba47e79e14cb09fa82f6d59e798ba_Shape">
            <a:extLst>
              <a:ext uri="{FF2B5EF4-FFF2-40B4-BE49-F238E27FC236}">
                <a16:creationId xmlns:a16="http://schemas.microsoft.com/office/drawing/2014/main" id="{AA020FCA-9EFD-4127-BDB1-F557F3A8352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482265" y="3276431"/>
            <a:ext cx="635000" cy="155025"/>
          </a:xfrm>
          <a:prstGeom prst="roundRect">
            <a:avLst>
              <a:gd name="adj" fmla="val 100000"/>
            </a:avLst>
          </a:prstGeom>
          <a:solidFill>
            <a:srgbClr val="417B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724046ffe9c7448da0a85e218d73ba83_Shape">
            <a:extLst>
              <a:ext uri="{FF2B5EF4-FFF2-40B4-BE49-F238E27FC236}">
                <a16:creationId xmlns:a16="http://schemas.microsoft.com/office/drawing/2014/main" id="{98C95B3B-E345-4D65-8406-5B54D7DCE0B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243420" y="3276431"/>
            <a:ext cx="1231900" cy="155025"/>
          </a:xfrm>
          <a:prstGeom prst="roundRect">
            <a:avLst>
              <a:gd name="adj" fmla="val 100000"/>
            </a:avLst>
          </a:prstGeom>
          <a:solidFill>
            <a:srgbClr val="417B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ccab75d8c70141f480aa6daf08ff5b7d_Shape">
            <a:extLst>
              <a:ext uri="{FF2B5EF4-FFF2-40B4-BE49-F238E27FC236}">
                <a16:creationId xmlns:a16="http://schemas.microsoft.com/office/drawing/2014/main" id="{4EBD7AEE-2EC2-4253-8C08-320A13C50CA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862493" y="3469555"/>
            <a:ext cx="914400" cy="155025"/>
          </a:xfrm>
          <a:prstGeom prst="roundRect">
            <a:avLst>
              <a:gd name="adj" fmla="val 100000"/>
            </a:avLst>
          </a:prstGeom>
          <a:solidFill>
            <a:srgbClr val="417B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d1094760c7134261ae9587e220608ea0_Shape">
            <a:extLst>
              <a:ext uri="{FF2B5EF4-FFF2-40B4-BE49-F238E27FC236}">
                <a16:creationId xmlns:a16="http://schemas.microsoft.com/office/drawing/2014/main" id="{C9F3689D-0835-444E-90D7-BC0D47D5171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786028" y="3764280"/>
            <a:ext cx="901700" cy="155025"/>
          </a:xfrm>
          <a:prstGeom prst="roundRect">
            <a:avLst>
              <a:gd name="adj" fmla="val 100000"/>
            </a:avLst>
          </a:prstGeom>
          <a:solidFill>
            <a:srgbClr val="8D99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d4ec616911664a4f9bda18e06c8b1ea7_Shape">
            <a:extLst>
              <a:ext uri="{FF2B5EF4-FFF2-40B4-BE49-F238E27FC236}">
                <a16:creationId xmlns:a16="http://schemas.microsoft.com/office/drawing/2014/main" id="{60951EE0-D847-49A7-88BA-1C2F575B50D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99414" y="3764280"/>
            <a:ext cx="914400" cy="155025"/>
          </a:xfrm>
          <a:prstGeom prst="roundRect">
            <a:avLst>
              <a:gd name="adj" fmla="val 100000"/>
            </a:avLst>
          </a:prstGeom>
          <a:solidFill>
            <a:srgbClr val="8D99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001b2fd9c6744c98bc054d5fb9b8714e_Shape">
            <a:extLst>
              <a:ext uri="{FF2B5EF4-FFF2-40B4-BE49-F238E27FC236}">
                <a16:creationId xmlns:a16="http://schemas.microsoft.com/office/drawing/2014/main" id="{8BE90694-9ED7-41DE-8E14-91FFEE8E5B19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699414" y="3957405"/>
            <a:ext cx="1231900" cy="127000"/>
          </a:xfrm>
          <a:prstGeom prst="roundRect">
            <a:avLst>
              <a:gd name="adj" fmla="val 100000"/>
            </a:avLst>
          </a:prstGeom>
          <a:solidFill>
            <a:srgbClr val="8D99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T_702bd746853745b1bc5a05b2e54c28dd_Shape">
            <a:extLst>
              <a:ext uri="{FF2B5EF4-FFF2-40B4-BE49-F238E27FC236}">
                <a16:creationId xmlns:a16="http://schemas.microsoft.com/office/drawing/2014/main" id="{4AB3F3B7-5DC8-40D0-A4CF-17DCF65091C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723737" y="4452705"/>
            <a:ext cx="635000" cy="127000"/>
          </a:xfrm>
          <a:prstGeom prst="roundRect">
            <a:avLst>
              <a:gd name="adj" fmla="val 100000"/>
            </a:avLst>
          </a:prstGeom>
          <a:solidFill>
            <a:srgbClr val="8D99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T_cc4c574dca6e477ca2138817f0ae6c66_Shape">
            <a:extLst>
              <a:ext uri="{FF2B5EF4-FFF2-40B4-BE49-F238E27FC236}">
                <a16:creationId xmlns:a16="http://schemas.microsoft.com/office/drawing/2014/main" id="{88DE3016-5F5C-4965-BD89-2F930937CE4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592502" y="4122505"/>
            <a:ext cx="1257300" cy="127000"/>
          </a:xfrm>
          <a:prstGeom prst="roundRect">
            <a:avLst>
              <a:gd name="adj" fmla="val 100000"/>
            </a:avLst>
          </a:prstGeom>
          <a:solidFill>
            <a:srgbClr val="8D99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T_c08d0254f1ab4ff1b8a6ac39074c5552_Shape">
            <a:extLst>
              <a:ext uri="{FF2B5EF4-FFF2-40B4-BE49-F238E27FC236}">
                <a16:creationId xmlns:a16="http://schemas.microsoft.com/office/drawing/2014/main" id="{1F3FDE0F-1CEB-426E-8483-329690EF4E4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907113" y="4287605"/>
            <a:ext cx="1828800" cy="127000"/>
          </a:xfrm>
          <a:prstGeom prst="roundRect">
            <a:avLst>
              <a:gd name="adj" fmla="val 100000"/>
            </a:avLst>
          </a:prstGeom>
          <a:solidFill>
            <a:srgbClr val="8D99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SLT_13690fe808794e478101b9da27a10413_Shape">
            <a:extLst>
              <a:ext uri="{FF2B5EF4-FFF2-40B4-BE49-F238E27FC236}">
                <a16:creationId xmlns:a16="http://schemas.microsoft.com/office/drawing/2014/main" id="{96171C8D-0AE2-4FB7-B7D0-5DA6A0FE502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332662" y="4617805"/>
            <a:ext cx="952500" cy="127000"/>
          </a:xfrm>
          <a:prstGeom prst="roundRect">
            <a:avLst>
              <a:gd name="adj" fmla="val 100000"/>
            </a:avLst>
          </a:prstGeom>
          <a:solidFill>
            <a:srgbClr val="8D99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T_e3d44450d8cb4fb0adf087eb208fea38_Shape">
            <a:extLst>
              <a:ext uri="{FF2B5EF4-FFF2-40B4-BE49-F238E27FC236}">
                <a16:creationId xmlns:a16="http://schemas.microsoft.com/office/drawing/2014/main" id="{36E14897-E9C4-4F36-9661-1B0ED78CBCA1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654793" y="4884505"/>
            <a:ext cx="1231900" cy="155025"/>
          </a:xfrm>
          <a:prstGeom prst="roundRect">
            <a:avLst>
              <a:gd name="adj" fmla="val 100000"/>
            </a:avLst>
          </a:prstGeom>
          <a:solidFill>
            <a:srgbClr val="F087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0" name="OTLSHAPE_SLT_137ef326831447468f4205c4ee5f5e9d_Shape">
            <a:extLst>
              <a:ext uri="{FF2B5EF4-FFF2-40B4-BE49-F238E27FC236}">
                <a16:creationId xmlns:a16="http://schemas.microsoft.com/office/drawing/2014/main" id="{DEDC84CF-F8BB-41AA-8A90-557F994A8C6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786028" y="5077629"/>
            <a:ext cx="1816100" cy="155025"/>
          </a:xfrm>
          <a:prstGeom prst="roundRect">
            <a:avLst>
              <a:gd name="adj" fmla="val 100000"/>
            </a:avLst>
          </a:prstGeom>
          <a:solidFill>
            <a:srgbClr val="F087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SLT_8b5e971c44db40879c7bfb7bc25ad3c0_Shape">
            <a:extLst>
              <a:ext uri="{FF2B5EF4-FFF2-40B4-BE49-F238E27FC236}">
                <a16:creationId xmlns:a16="http://schemas.microsoft.com/office/drawing/2014/main" id="{61FE338E-7C36-4FA0-AEBA-878392DBA8C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862493" y="4884505"/>
            <a:ext cx="939800" cy="155025"/>
          </a:xfrm>
          <a:prstGeom prst="roundRect">
            <a:avLst>
              <a:gd name="adj" fmla="val 100000"/>
            </a:avLst>
          </a:prstGeom>
          <a:solidFill>
            <a:srgbClr val="F087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T_2760454719f44eaaad096abc1ef15808_Shape">
            <a:extLst>
              <a:ext uri="{FF2B5EF4-FFF2-40B4-BE49-F238E27FC236}">
                <a16:creationId xmlns:a16="http://schemas.microsoft.com/office/drawing/2014/main" id="{58975210-8AB9-4D64-99F2-C9A7FB812B0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786028" y="5270754"/>
            <a:ext cx="901700" cy="155025"/>
          </a:xfrm>
          <a:prstGeom prst="roundRect">
            <a:avLst>
              <a:gd name="adj" fmla="val 100000"/>
            </a:avLst>
          </a:prstGeom>
          <a:solidFill>
            <a:srgbClr val="F087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3" name="OTLSHAPE_SLT_d002f6ecf3e34e0891307c9c35ac5974_Shape">
            <a:extLst>
              <a:ext uri="{FF2B5EF4-FFF2-40B4-BE49-F238E27FC236}">
                <a16:creationId xmlns:a16="http://schemas.microsoft.com/office/drawing/2014/main" id="{36060D6A-6D76-47B8-A6C7-422139877FF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501863" y="5565479"/>
            <a:ext cx="457200" cy="155025"/>
          </a:xfrm>
          <a:prstGeom prst="roundRect">
            <a:avLst>
              <a:gd name="adj" fmla="val 100000"/>
            </a:avLst>
          </a:prstGeom>
          <a:solidFill>
            <a:srgbClr val="E56B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T_7ca1cb56ff734e28b543082b3969fcab_Shape">
            <a:extLst>
              <a:ext uri="{FF2B5EF4-FFF2-40B4-BE49-F238E27FC236}">
                <a16:creationId xmlns:a16="http://schemas.microsoft.com/office/drawing/2014/main" id="{13A41147-E423-4CC1-98CE-395451A44EC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938259" y="5565479"/>
            <a:ext cx="317500" cy="155025"/>
          </a:xfrm>
          <a:prstGeom prst="roundRect">
            <a:avLst>
              <a:gd name="adj" fmla="val 100000"/>
            </a:avLst>
          </a:prstGeom>
          <a:solidFill>
            <a:srgbClr val="E56B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SLT_8c425757006d4fbdbce1e6e96a5b5edf_Shape">
            <a:extLst>
              <a:ext uri="{FF2B5EF4-FFF2-40B4-BE49-F238E27FC236}">
                <a16:creationId xmlns:a16="http://schemas.microsoft.com/office/drawing/2014/main" id="{CEFE1203-7EF9-4044-ABEF-555BE043814F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938259" y="5951728"/>
            <a:ext cx="1219200" cy="155025"/>
          </a:xfrm>
          <a:prstGeom prst="roundRect">
            <a:avLst>
              <a:gd name="adj" fmla="val 100000"/>
            </a:avLst>
          </a:prstGeom>
          <a:solidFill>
            <a:srgbClr val="E56B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" name="OTLSHAPE_SLT_897337a653d841f5a56c9ef6b792a133_Shape">
            <a:extLst>
              <a:ext uri="{FF2B5EF4-FFF2-40B4-BE49-F238E27FC236}">
                <a16:creationId xmlns:a16="http://schemas.microsoft.com/office/drawing/2014/main" id="{263D137E-874B-422E-A654-FF9F5437455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242721" y="5758603"/>
            <a:ext cx="330200" cy="155025"/>
          </a:xfrm>
          <a:prstGeom prst="roundRect">
            <a:avLst>
              <a:gd name="adj" fmla="val 100000"/>
            </a:avLst>
          </a:prstGeom>
          <a:solidFill>
            <a:srgbClr val="E56B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5" name="OTLSHAPE_TB_00000000000000000000000000000000_ElapsedTime">
            <a:extLst>
              <a:ext uri="{FF2B5EF4-FFF2-40B4-BE49-F238E27FC236}">
                <a16:creationId xmlns:a16="http://schemas.microsoft.com/office/drawing/2014/main" id="{7AC3139B-B28F-458A-91A1-28C30BB54DF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102037" y="1557833"/>
            <a:ext cx="4946464" cy="45719"/>
          </a:xfrm>
          <a:prstGeom prst="rect">
            <a:avLst/>
          </a:prstGeom>
          <a:solidFill>
            <a:schemeClr val="dk2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T_2006346cf6eb4250807a55421814948f_ShapePercentage">
            <a:extLst>
              <a:ext uri="{FF2B5EF4-FFF2-40B4-BE49-F238E27FC236}">
                <a16:creationId xmlns:a16="http://schemas.microsoft.com/office/drawing/2014/main" id="{1D3D19CF-4F13-4EA2-BF3F-585BC2325BF0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654793" y="2116159"/>
            <a:ext cx="3048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SLT_5b3fed1e9406404ca661502fb70493e7_ShapePercentage">
            <a:extLst>
              <a:ext uri="{FF2B5EF4-FFF2-40B4-BE49-F238E27FC236}">
                <a16:creationId xmlns:a16="http://schemas.microsoft.com/office/drawing/2014/main" id="{9D090887-74D6-4B61-A3D7-FE886B7EB8C8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949107" y="2116159"/>
            <a:ext cx="9525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SLT_5bda6deb16554a79b7bf3a8eb5664c1a_ShapePercentage">
            <a:extLst>
              <a:ext uri="{FF2B5EF4-FFF2-40B4-BE49-F238E27FC236}">
                <a16:creationId xmlns:a16="http://schemas.microsoft.com/office/drawing/2014/main" id="{4828663C-1F2D-4BD4-9C6F-5AB0A6C86933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501863" y="2502408"/>
            <a:ext cx="9144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T_b1b9fa83f35641ddb9405a15c1472f83_ShapePercentage">
            <a:extLst>
              <a:ext uri="{FF2B5EF4-FFF2-40B4-BE49-F238E27FC236}">
                <a16:creationId xmlns:a16="http://schemas.microsoft.com/office/drawing/2014/main" id="{538BB5A4-608C-4B92-8684-F03F2031EB6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872641" y="2309283"/>
            <a:ext cx="6477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T_e72a2b7bdda84375a5dfc736517692bc_ShapePercentage">
            <a:extLst>
              <a:ext uri="{FF2B5EF4-FFF2-40B4-BE49-F238E27FC236}">
                <a16:creationId xmlns:a16="http://schemas.microsoft.com/office/drawing/2014/main" id="{14938804-D48A-401E-981E-FEF4723F08C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501863" y="2309283"/>
            <a:ext cx="4572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T_5cfee2e8a58647cca8c6c1bee1209695_ShapePercentage">
            <a:extLst>
              <a:ext uri="{FF2B5EF4-FFF2-40B4-BE49-F238E27FC236}">
                <a16:creationId xmlns:a16="http://schemas.microsoft.com/office/drawing/2014/main" id="{920464CA-B540-4296-8516-2FC265D2057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938259" y="2695533"/>
            <a:ext cx="7112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T_49e6485ee2b74a569cd5df1102ff1ade_ShapePercentage">
            <a:extLst>
              <a:ext uri="{FF2B5EF4-FFF2-40B4-BE49-F238E27FC236}">
                <a16:creationId xmlns:a16="http://schemas.microsoft.com/office/drawing/2014/main" id="{6CB94906-5B8B-4336-A6F8-35A7E9AD69EA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731258" y="3036782"/>
            <a:ext cx="3175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SLT_9987b2357e6f49e58922703c172de26d_ShapePercentage">
            <a:extLst>
              <a:ext uri="{FF2B5EF4-FFF2-40B4-BE49-F238E27FC236}">
                <a16:creationId xmlns:a16="http://schemas.microsoft.com/office/drawing/2014/main" id="{C0869DE4-2A0B-4B9F-BA33-39B1F022269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025572" y="3036782"/>
            <a:ext cx="4699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423ba47e79e14cb09fa82f6d59e798ba_ShapePercentage">
            <a:extLst>
              <a:ext uri="{FF2B5EF4-FFF2-40B4-BE49-F238E27FC236}">
                <a16:creationId xmlns:a16="http://schemas.microsoft.com/office/drawing/2014/main" id="{FC6156BA-7AF0-4478-A8C4-DF6C48679CD6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482265" y="3276431"/>
            <a:ext cx="6350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724046ffe9c7448da0a85e218d73ba83_ShapePercentage">
            <a:extLst>
              <a:ext uri="{FF2B5EF4-FFF2-40B4-BE49-F238E27FC236}">
                <a16:creationId xmlns:a16="http://schemas.microsoft.com/office/drawing/2014/main" id="{AD7BE32B-C0B4-4F5C-A5DD-B8C2B219DFD0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243420" y="3276431"/>
            <a:ext cx="12319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ccab75d8c70141f480aa6daf08ff5b7d_ShapePercentage">
            <a:extLst>
              <a:ext uri="{FF2B5EF4-FFF2-40B4-BE49-F238E27FC236}">
                <a16:creationId xmlns:a16="http://schemas.microsoft.com/office/drawing/2014/main" id="{3DB91D88-0294-4CE0-B9EA-F8E8C8140D2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862493" y="3469555"/>
            <a:ext cx="9144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d1094760c7134261ae9587e220608ea0_ShapePercentage">
            <a:extLst>
              <a:ext uri="{FF2B5EF4-FFF2-40B4-BE49-F238E27FC236}">
                <a16:creationId xmlns:a16="http://schemas.microsoft.com/office/drawing/2014/main" id="{148717FA-F7F2-4AA7-8E95-9BC1C681271B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5786028" y="3764280"/>
            <a:ext cx="8128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T_e3d44450d8cb4fb0adf087eb208fea38_ShapePercentage">
            <a:extLst>
              <a:ext uri="{FF2B5EF4-FFF2-40B4-BE49-F238E27FC236}">
                <a16:creationId xmlns:a16="http://schemas.microsoft.com/office/drawing/2014/main" id="{E12C50D1-9BE2-4A48-99A4-01EB222BB18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654793" y="4884505"/>
            <a:ext cx="12319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SLT_137ef326831447468f4205c4ee5f5e9d_ShapePercentage">
            <a:extLst>
              <a:ext uri="{FF2B5EF4-FFF2-40B4-BE49-F238E27FC236}">
                <a16:creationId xmlns:a16="http://schemas.microsoft.com/office/drawing/2014/main" id="{E5EF2EE8-98A2-4D1D-BAC9-30E2E44199F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786028" y="5077629"/>
            <a:ext cx="12700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8b5e971c44db40879c7bfb7bc25ad3c0_ShapePercentage">
            <a:extLst>
              <a:ext uri="{FF2B5EF4-FFF2-40B4-BE49-F238E27FC236}">
                <a16:creationId xmlns:a16="http://schemas.microsoft.com/office/drawing/2014/main" id="{ACD96DE2-0E64-4EA6-BC93-27E9EF11DCE0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862493" y="4884505"/>
            <a:ext cx="9398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T_2760454719f44eaaad096abc1ef15808_ShapePercentage">
            <a:extLst>
              <a:ext uri="{FF2B5EF4-FFF2-40B4-BE49-F238E27FC236}">
                <a16:creationId xmlns:a16="http://schemas.microsoft.com/office/drawing/2014/main" id="{FDB076B2-21F8-4EFF-ADA3-E794DB7CC4B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786028" y="5270754"/>
            <a:ext cx="7239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T_d002f6ecf3e34e0891307c9c35ac5974_ShapePercentage">
            <a:extLst>
              <a:ext uri="{FF2B5EF4-FFF2-40B4-BE49-F238E27FC236}">
                <a16:creationId xmlns:a16="http://schemas.microsoft.com/office/drawing/2014/main" id="{EB96C155-CD21-41FE-805B-AF703E94BA8D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501863" y="5565479"/>
            <a:ext cx="4572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5" name="OTLSHAPE_SLT_7ca1cb56ff734e28b543082b3969fcab_ShapePercentage">
            <a:extLst>
              <a:ext uri="{FF2B5EF4-FFF2-40B4-BE49-F238E27FC236}">
                <a16:creationId xmlns:a16="http://schemas.microsoft.com/office/drawing/2014/main" id="{85BBFF64-0DC2-467C-ABEE-70CDBF6ECF06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938259" y="5565479"/>
            <a:ext cx="3175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" name="OTLSHAPE_SLT_8c425757006d4fbdbce1e6e96a5b5edf_ShapePercentage">
            <a:extLst>
              <a:ext uri="{FF2B5EF4-FFF2-40B4-BE49-F238E27FC236}">
                <a16:creationId xmlns:a16="http://schemas.microsoft.com/office/drawing/2014/main" id="{665CFE09-1DE9-4EA3-BA09-161834FF146E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938259" y="5951728"/>
            <a:ext cx="7366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T_897337a653d841f5a56c9ef6b792a133_ShapePercentage">
            <a:extLst>
              <a:ext uri="{FF2B5EF4-FFF2-40B4-BE49-F238E27FC236}">
                <a16:creationId xmlns:a16="http://schemas.microsoft.com/office/drawing/2014/main" id="{E41E5057-5E0A-4CBB-9C3B-D0FBA751C48D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242721" y="5758603"/>
            <a:ext cx="330200" cy="155025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3ba3d00e6bfd4aa080d6461ac99d631d_Header">
            <a:extLst>
              <a:ext uri="{FF2B5EF4-FFF2-40B4-BE49-F238E27FC236}">
                <a16:creationId xmlns:a16="http://schemas.microsoft.com/office/drawing/2014/main" id="{9FB48F77-5E01-4D77-B61F-C46E065DAB4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500" y="2297303"/>
            <a:ext cx="1066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Organizational Integration</a:t>
            </a:r>
          </a:p>
        </p:txBody>
      </p:sp>
      <p:sp>
        <p:nvSpPr>
          <p:cNvPr id="29" name="OTLSHAPE_SL_ce775e52cf7646a8b42fc9fe2748c322_Header">
            <a:extLst>
              <a:ext uri="{FF2B5EF4-FFF2-40B4-BE49-F238E27FC236}">
                <a16:creationId xmlns:a16="http://schemas.microsoft.com/office/drawing/2014/main" id="{CB573E3A-D063-4A10-A63B-9969EA86FB9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3121364"/>
            <a:ext cx="1066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Brand Integration</a:t>
            </a:r>
          </a:p>
        </p:txBody>
      </p:sp>
      <p:sp>
        <p:nvSpPr>
          <p:cNvPr id="32" name="OTLSHAPE_SL_378bfb94a31d41b085decfafc5d61d2b_Header">
            <a:extLst>
              <a:ext uri="{FF2B5EF4-FFF2-40B4-BE49-F238E27FC236}">
                <a16:creationId xmlns:a16="http://schemas.microsoft.com/office/drawing/2014/main" id="{038C0ADF-C4EF-40C6-9C1A-D19232FA06F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4068487"/>
            <a:ext cx="1066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ystems Integration</a:t>
            </a:r>
          </a:p>
        </p:txBody>
      </p:sp>
      <p:sp>
        <p:nvSpPr>
          <p:cNvPr id="35" name="OTLSHAPE_SL_d88285aa1c5f4649b5d35f283b823ba8_Header">
            <a:extLst>
              <a:ext uri="{FF2B5EF4-FFF2-40B4-BE49-F238E27FC236}">
                <a16:creationId xmlns:a16="http://schemas.microsoft.com/office/drawing/2014/main" id="{8B585B60-4F32-4EC2-B0F7-2722CCF3D10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4969087"/>
            <a:ext cx="1066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roduct Integration</a:t>
            </a:r>
          </a:p>
        </p:txBody>
      </p:sp>
      <p:sp>
        <p:nvSpPr>
          <p:cNvPr id="38" name="OTLSHAPE_SL_e78ebba4e02d4f9eaccc784c80ecf695_Header">
            <a:extLst>
              <a:ext uri="{FF2B5EF4-FFF2-40B4-BE49-F238E27FC236}">
                <a16:creationId xmlns:a16="http://schemas.microsoft.com/office/drawing/2014/main" id="{06D6779B-D847-4821-98F4-F86BBC50674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500" y="5650061"/>
            <a:ext cx="1066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Facilities Integration</a:t>
            </a:r>
          </a:p>
        </p:txBody>
      </p:sp>
      <p:sp>
        <p:nvSpPr>
          <p:cNvPr id="5" name="OTLSHAPE_SL2A_bb828bee12564d9292cac8eb5294117a_Header">
            <a:extLst>
              <a:ext uri="{FF2B5EF4-FFF2-40B4-BE49-F238E27FC236}">
                <a16:creationId xmlns:a16="http://schemas.microsoft.com/office/drawing/2014/main" id="{4350FD44-1A0C-4A7F-8FA9-BCD45EB5691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183264" y="239809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$10,224,000</a:t>
            </a:r>
          </a:p>
        </p:txBody>
      </p:sp>
      <p:sp>
        <p:nvSpPr>
          <p:cNvPr id="13" name="OTLSHAPE_SL2A_562adc17374c412ab9a52ce2aabdf852_Header">
            <a:extLst>
              <a:ext uri="{FF2B5EF4-FFF2-40B4-BE49-F238E27FC236}">
                <a16:creationId xmlns:a16="http://schemas.microsoft.com/office/drawing/2014/main" id="{C4E1C40F-1536-4B5F-AECF-66847A9CA46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183264" y="322215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$6414,000</a:t>
            </a:r>
          </a:p>
        </p:txBody>
      </p:sp>
      <p:sp>
        <p:nvSpPr>
          <p:cNvPr id="22" name="OTLSHAPE_SL2A_7389f5fcf03d49a095dcbd34a34b66dd_Header">
            <a:extLst>
              <a:ext uri="{FF2B5EF4-FFF2-40B4-BE49-F238E27FC236}">
                <a16:creationId xmlns:a16="http://schemas.microsoft.com/office/drawing/2014/main" id="{387A0D38-1F76-42EF-8148-9A60F1EBD66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183264" y="4169283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$19,800,000</a:t>
            </a:r>
          </a:p>
        </p:txBody>
      </p:sp>
      <p:sp>
        <p:nvSpPr>
          <p:cNvPr id="49" name="OTLSHAPE_SL2A_2320c5583ecf4588b4a1fecbf0ea192b_Header">
            <a:extLst>
              <a:ext uri="{FF2B5EF4-FFF2-40B4-BE49-F238E27FC236}">
                <a16:creationId xmlns:a16="http://schemas.microsoft.com/office/drawing/2014/main" id="{D1712993-3A02-40C6-9524-2E52E82AD9A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183264" y="5069882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$12,540,000</a:t>
            </a:r>
          </a:p>
        </p:txBody>
      </p:sp>
      <p:sp>
        <p:nvSpPr>
          <p:cNvPr id="52" name="OTLSHAPE_SL2A_70375dbe8d2a480887d83e2f2c4f305e_Header">
            <a:extLst>
              <a:ext uri="{FF2B5EF4-FFF2-40B4-BE49-F238E27FC236}">
                <a16:creationId xmlns:a16="http://schemas.microsoft.com/office/drawing/2014/main" id="{7806EF43-7BBC-4B11-BAFF-8A6D0A1639F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183264" y="575085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$4,386,000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8DA644F7-75A0-4013-91EF-A99CFAAF83C7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7015229" y="1595628"/>
            <a:ext cx="63500" cy="6096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3B1AEC2-09AA-4385-9A09-ECC6E098CF9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861226" y="165658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03C917C-32CC-4D0A-9D5F-ECBBF3DF315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165537" y="1050375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2490EEA-3C02-47D1-AF0B-8AC62EEE4C4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869825" y="1050375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D1F72191-6F34-4225-8FF5-C3E2EA35A67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574113" y="1050375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76" name="OTLSHAPE_SLT_2006346cf6eb4250807a55421814948f_Title">
            <a:extLst>
              <a:ext uri="{FF2B5EF4-FFF2-40B4-BE49-F238E27FC236}">
                <a16:creationId xmlns:a16="http://schemas.microsoft.com/office/drawing/2014/main" id="{D96CC04A-62A2-4EE6-BB89-8ACED7875DC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687857" y="2131653"/>
            <a:ext cx="927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chemeClr val="dk1"/>
                </a:solidFill>
                <a:latin typeface="Calibri" panose="020F0502020204030204" pitchFamily="34" charset="0"/>
              </a:rPr>
              <a:t>Select Consulting Firm</a:t>
            </a:r>
          </a:p>
        </p:txBody>
      </p:sp>
      <p:sp>
        <p:nvSpPr>
          <p:cNvPr id="77" name="OTLSHAPE_SLT_2006346cf6eb4250807a55421814948f_TextPercentage">
            <a:extLst>
              <a:ext uri="{FF2B5EF4-FFF2-40B4-BE49-F238E27FC236}">
                <a16:creationId xmlns:a16="http://schemas.microsoft.com/office/drawing/2014/main" id="{612A4EF8-23D3-4764-B084-E8810DEAA27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675276" y="211615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7" name="OTLSHAPE_SLT_5b3fed1e9406404ca661502fb70493e7_Title">
            <a:extLst>
              <a:ext uri="{FF2B5EF4-FFF2-40B4-BE49-F238E27FC236}">
                <a16:creationId xmlns:a16="http://schemas.microsoft.com/office/drawing/2014/main" id="{A7E3CC18-9D3B-4097-8499-CDC4C678438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943732" y="2131653"/>
            <a:ext cx="952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 dirty="0">
                <a:solidFill>
                  <a:schemeClr val="dk1"/>
                </a:solidFill>
                <a:latin typeface="Calibri" panose="020F0502020204030204" pitchFamily="34" charset="0"/>
              </a:rPr>
              <a:t>Organizational Analysis</a:t>
            </a:r>
          </a:p>
        </p:txBody>
      </p:sp>
      <p:sp>
        <p:nvSpPr>
          <p:cNvPr id="88" name="OTLSHAPE_SLT_5b3fed1e9406404ca661502fb70493e7_TextPercentage">
            <a:extLst>
              <a:ext uri="{FF2B5EF4-FFF2-40B4-BE49-F238E27FC236}">
                <a16:creationId xmlns:a16="http://schemas.microsoft.com/office/drawing/2014/main" id="{75F0F752-3622-4455-B7EA-8BB4578C263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608960" y="211615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5" name="OTLSHAPE_SLT_5bda6deb16554a79b7bf3a8eb5664c1a_Title">
            <a:extLst>
              <a:ext uri="{FF2B5EF4-FFF2-40B4-BE49-F238E27FC236}">
                <a16:creationId xmlns:a16="http://schemas.microsoft.com/office/drawing/2014/main" id="{EE4C3C68-E291-4550-8DBC-F81758B0675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455894" y="2517902"/>
            <a:ext cx="1244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chemeClr val="dk1"/>
                </a:solidFill>
                <a:latin typeface="Calibri" panose="020F0502020204030204" pitchFamily="34" charset="0"/>
              </a:rPr>
              <a:t>Implement New Org Structure</a:t>
            </a:r>
          </a:p>
        </p:txBody>
      </p:sp>
      <p:sp>
        <p:nvSpPr>
          <p:cNvPr id="96" name="OTLSHAPE_SLT_5bda6deb16554a79b7bf3a8eb5664c1a_TextPercentage">
            <a:extLst>
              <a:ext uri="{FF2B5EF4-FFF2-40B4-BE49-F238E27FC236}">
                <a16:creationId xmlns:a16="http://schemas.microsoft.com/office/drawing/2014/main" id="{3A1D8FF9-2299-40CD-ABC4-19C5F6A864F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121121" y="25024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6" name="OTLSHAPE_SLT_b1b9fa83f35641ddb9405a15c1472f83_Title">
            <a:extLst>
              <a:ext uri="{FF2B5EF4-FFF2-40B4-BE49-F238E27FC236}">
                <a16:creationId xmlns:a16="http://schemas.microsoft.com/office/drawing/2014/main" id="{57B7A4F3-D7E9-4ABD-8655-335C37428D3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753560" y="2324777"/>
            <a:ext cx="1079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Design New Org Structure</a:t>
            </a:r>
          </a:p>
        </p:txBody>
      </p:sp>
      <p:sp>
        <p:nvSpPr>
          <p:cNvPr id="107" name="OTLSHAPE_SLT_b1b9fa83f35641ddb9405a15c1472f83_TextPercentage">
            <a:extLst>
              <a:ext uri="{FF2B5EF4-FFF2-40B4-BE49-F238E27FC236}">
                <a16:creationId xmlns:a16="http://schemas.microsoft.com/office/drawing/2014/main" id="{6282AC02-D5CA-4AC9-A6DB-F9AC7EAFB9D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228033" y="230928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17" name="OTLSHAPE_SLT_e72a2b7bdda84375a5dfc736517692bc_Title">
            <a:extLst>
              <a:ext uri="{FF2B5EF4-FFF2-40B4-BE49-F238E27FC236}">
                <a16:creationId xmlns:a16="http://schemas.microsoft.com/office/drawing/2014/main" id="{F9E280DD-6880-4C4D-A9E5-6CF95BB773E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009349" y="2324777"/>
            <a:ext cx="850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dk1"/>
                </a:solidFill>
                <a:latin typeface="Calibri" panose="020F0502020204030204" pitchFamily="34" charset="0"/>
              </a:rPr>
              <a:t>Executive Relocation</a:t>
            </a:r>
          </a:p>
        </p:txBody>
      </p:sp>
      <p:sp>
        <p:nvSpPr>
          <p:cNvPr id="118" name="OTLSHAPE_SLT_e72a2b7bdda84375a5dfc736517692bc_TextPercentage">
            <a:extLst>
              <a:ext uri="{FF2B5EF4-FFF2-40B4-BE49-F238E27FC236}">
                <a16:creationId xmlns:a16="http://schemas.microsoft.com/office/drawing/2014/main" id="{E53F38B7-8CDF-4491-A976-8DFB3584500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674577" y="230928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28" name="OTLSHAPE_SLT_5cfee2e8a58647cca8c6c1bee1209695_Title">
            <a:extLst>
              <a:ext uri="{FF2B5EF4-FFF2-40B4-BE49-F238E27FC236}">
                <a16:creationId xmlns:a16="http://schemas.microsoft.com/office/drawing/2014/main" id="{5907B5FC-E0A3-4AFB-9017-78207CE6C4E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922736" y="2711027"/>
            <a:ext cx="1041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dk1"/>
                </a:solidFill>
                <a:latin typeface="Calibri" panose="020F0502020204030204" pitchFamily="34" charset="0"/>
              </a:rPr>
              <a:t>Key Employee Relocation</a:t>
            </a:r>
          </a:p>
        </p:txBody>
      </p:sp>
      <p:sp>
        <p:nvSpPr>
          <p:cNvPr id="129" name="OTLSHAPE_SLT_5cfee2e8a58647cca8c6c1bee1209695_TextPercentage">
            <a:extLst>
              <a:ext uri="{FF2B5EF4-FFF2-40B4-BE49-F238E27FC236}">
                <a16:creationId xmlns:a16="http://schemas.microsoft.com/office/drawing/2014/main" id="{7B75F3E3-9676-44BC-90AB-53AAE9660EB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418933" y="269553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139" name="OTLSHAPE_SLT_49e6485ee2b74a569cd5df1102ff1ade_Title">
            <a:extLst>
              <a:ext uri="{FF2B5EF4-FFF2-40B4-BE49-F238E27FC236}">
                <a16:creationId xmlns:a16="http://schemas.microsoft.com/office/drawing/2014/main" id="{787CDDF2-B69C-4EE7-819B-B5227ED4710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964644" y="2990257"/>
            <a:ext cx="7239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Select Marketing Firm</a:t>
            </a:r>
          </a:p>
        </p:txBody>
      </p:sp>
      <p:sp>
        <p:nvSpPr>
          <p:cNvPr id="140" name="OTLSHAPE_SLT_49e6485ee2b74a569cd5df1102ff1ade_TextPercentage">
            <a:extLst>
              <a:ext uri="{FF2B5EF4-FFF2-40B4-BE49-F238E27FC236}">
                <a16:creationId xmlns:a16="http://schemas.microsoft.com/office/drawing/2014/main" id="{64486A23-4707-4A20-824B-1F749F3BAA8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761890" y="303678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50" name="OTLSHAPE_SLT_9987b2357e6f49e58922703c172de26d_Title">
            <a:extLst>
              <a:ext uri="{FF2B5EF4-FFF2-40B4-BE49-F238E27FC236}">
                <a16:creationId xmlns:a16="http://schemas.microsoft.com/office/drawing/2014/main" id="{6AB02F13-771A-4033-B13B-322EA2DF262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543206" y="3052276"/>
            <a:ext cx="660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Market Analysis</a:t>
            </a:r>
          </a:p>
        </p:txBody>
      </p:sp>
      <p:sp>
        <p:nvSpPr>
          <p:cNvPr id="151" name="OTLSHAPE_SLT_9987b2357e6f49e58922703c172de26d_TextPercentage">
            <a:extLst>
              <a:ext uri="{FF2B5EF4-FFF2-40B4-BE49-F238E27FC236}">
                <a16:creationId xmlns:a16="http://schemas.microsoft.com/office/drawing/2014/main" id="{42E75DC7-C6C4-4C33-A204-5A8DED93CBC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208434" y="303678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61" name="OTLSHAPE_SLT_423ba47e79e14cb09fa82f6d59e798ba_Title">
            <a:extLst>
              <a:ext uri="{FF2B5EF4-FFF2-40B4-BE49-F238E27FC236}">
                <a16:creationId xmlns:a16="http://schemas.microsoft.com/office/drawing/2014/main" id="{727D0A7B-E5FD-4A34-9915-7B0D43F30DF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490310" y="3291925"/>
            <a:ext cx="952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Develop New Branding</a:t>
            </a:r>
          </a:p>
        </p:txBody>
      </p:sp>
      <p:sp>
        <p:nvSpPr>
          <p:cNvPr id="162" name="OTLSHAPE_SLT_423ba47e79e14cb09fa82f6d59e798ba_TextPercentage">
            <a:extLst>
              <a:ext uri="{FF2B5EF4-FFF2-40B4-BE49-F238E27FC236}">
                <a16:creationId xmlns:a16="http://schemas.microsoft.com/office/drawing/2014/main" id="{476AD526-4772-4EDE-B332-94C3770EE4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827507" y="327643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72" name="OTLSHAPE_SLT_724046ffe9c7448da0a85e218d73ba83_Title">
            <a:extLst>
              <a:ext uri="{FF2B5EF4-FFF2-40B4-BE49-F238E27FC236}">
                <a16:creationId xmlns:a16="http://schemas.microsoft.com/office/drawing/2014/main" id="{7C8D7B51-A484-4A15-A777-F3F13ACE81C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522210" y="3291925"/>
            <a:ext cx="927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dk1"/>
                </a:solidFill>
                <a:latin typeface="Calibri" panose="020F0502020204030204" pitchFamily="34" charset="0"/>
              </a:rPr>
              <a:t>Rebrand New Markets</a:t>
            </a:r>
          </a:p>
        </p:txBody>
      </p:sp>
      <p:sp>
        <p:nvSpPr>
          <p:cNvPr id="173" name="OTLSHAPE_SLT_724046ffe9c7448da0a85e218d73ba83_TextPercentage">
            <a:extLst>
              <a:ext uri="{FF2B5EF4-FFF2-40B4-BE49-F238E27FC236}">
                <a16:creationId xmlns:a16="http://schemas.microsoft.com/office/drawing/2014/main" id="{B2D4B8B0-2578-4C1F-B9BC-6B200FCF1B8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187438" y="327643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83" name="OTLSHAPE_SLT_ccab75d8c70141f480aa6daf08ff5b7d_Title">
            <a:extLst>
              <a:ext uri="{FF2B5EF4-FFF2-40B4-BE49-F238E27FC236}">
                <a16:creationId xmlns:a16="http://schemas.microsoft.com/office/drawing/2014/main" id="{FAF3A4B7-BBAF-4EDC-AB61-C045F8308B7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816523" y="3485049"/>
            <a:ext cx="1016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dk1"/>
                </a:solidFill>
                <a:latin typeface="Calibri" panose="020F0502020204030204" pitchFamily="34" charset="0"/>
              </a:rPr>
              <a:t>Rebrand Legacy Markets</a:t>
            </a:r>
          </a:p>
        </p:txBody>
      </p:sp>
      <p:sp>
        <p:nvSpPr>
          <p:cNvPr id="184" name="OTLSHAPE_SLT_ccab75d8c70141f480aa6daf08ff5b7d_TextPercentage">
            <a:extLst>
              <a:ext uri="{FF2B5EF4-FFF2-40B4-BE49-F238E27FC236}">
                <a16:creationId xmlns:a16="http://schemas.microsoft.com/office/drawing/2014/main" id="{98A71034-61FF-4766-8703-14D3A9A3810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481751" y="34695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94" name="OTLSHAPE_SLT_d1094760c7134261ae9587e220608ea0_Title">
            <a:extLst>
              <a:ext uri="{FF2B5EF4-FFF2-40B4-BE49-F238E27FC236}">
                <a16:creationId xmlns:a16="http://schemas.microsoft.com/office/drawing/2014/main" id="{E3F18354-1004-4ED7-9CC0-6C09EF3992C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868664" y="3779774"/>
            <a:ext cx="876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Internal Gap Analysis</a:t>
            </a:r>
          </a:p>
        </p:txBody>
      </p:sp>
      <p:sp>
        <p:nvSpPr>
          <p:cNvPr id="195" name="OTLSHAPE_SLT_d1094760c7134261ae9587e220608ea0_TextPercentage">
            <a:extLst>
              <a:ext uri="{FF2B5EF4-FFF2-40B4-BE49-F238E27FC236}">
                <a16:creationId xmlns:a16="http://schemas.microsoft.com/office/drawing/2014/main" id="{695864A3-F894-44B7-8EDB-3D1F90C56BB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370218" y="376428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>
                <a:solidFill>
                  <a:schemeClr val="lt2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203" name="OTLSHAPE_SLT_d4ec616911664a4f9bda18e06c8b1ea7_Title">
            <a:extLst>
              <a:ext uri="{FF2B5EF4-FFF2-40B4-BE49-F238E27FC236}">
                <a16:creationId xmlns:a16="http://schemas.microsoft.com/office/drawing/2014/main" id="{EBEFFEE8-456F-4A44-8A61-DB138F55D52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653444" y="3779774"/>
            <a:ext cx="876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Billing System Design</a:t>
            </a:r>
          </a:p>
        </p:txBody>
      </p:sp>
      <p:sp>
        <p:nvSpPr>
          <p:cNvPr id="214" name="OTLSHAPE_SLT_001b2fd9c6744c98bc054d5fb9b8714e_Title">
            <a:extLst>
              <a:ext uri="{FF2B5EF4-FFF2-40B4-BE49-F238E27FC236}">
                <a16:creationId xmlns:a16="http://schemas.microsoft.com/office/drawing/2014/main" id="{79758C57-0A7E-45B0-98A8-F545F244EDB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528347" y="3958886"/>
            <a:ext cx="1130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Provisioning System Design</a:t>
            </a:r>
          </a:p>
        </p:txBody>
      </p:sp>
      <p:sp>
        <p:nvSpPr>
          <p:cNvPr id="222" name="OTLSHAPE_SLT_702bd746853745b1bc5a05b2e54c28dd_Title">
            <a:extLst>
              <a:ext uri="{FF2B5EF4-FFF2-40B4-BE49-F238E27FC236}">
                <a16:creationId xmlns:a16="http://schemas.microsoft.com/office/drawing/2014/main" id="{433D2C2D-71D0-433D-82F7-F4B153E4B0C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400100" y="4454186"/>
            <a:ext cx="1282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spc="-2" dirty="0">
                <a:solidFill>
                  <a:schemeClr val="dk1"/>
                </a:solidFill>
                <a:latin typeface="Calibri" panose="020F0502020204030204" pitchFamily="34" charset="0"/>
              </a:rPr>
              <a:t>Billing/Provisioning Integration</a:t>
            </a:r>
          </a:p>
        </p:txBody>
      </p:sp>
      <p:sp>
        <p:nvSpPr>
          <p:cNvPr id="233" name="OTLSHAPE_SLT_cc4c574dca6e477ca2138817f0ae6c66_Title">
            <a:extLst>
              <a:ext uri="{FF2B5EF4-FFF2-40B4-BE49-F238E27FC236}">
                <a16:creationId xmlns:a16="http://schemas.microsoft.com/office/drawing/2014/main" id="{75390451-C224-4BAB-8023-67043F1734EC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289990" y="4123986"/>
            <a:ext cx="1257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2" dirty="0">
                <a:solidFill>
                  <a:schemeClr val="dk1"/>
                </a:solidFill>
                <a:latin typeface="Calibri" panose="020F0502020204030204" pitchFamily="34" charset="0"/>
              </a:rPr>
              <a:t>Billing System Implementation</a:t>
            </a:r>
          </a:p>
        </p:txBody>
      </p:sp>
      <p:sp>
        <p:nvSpPr>
          <p:cNvPr id="244" name="OTLSHAPE_SLT_c08d0254f1ab4ff1b8a6ac39074c5552_Title">
            <a:extLst>
              <a:ext uri="{FF2B5EF4-FFF2-40B4-BE49-F238E27FC236}">
                <a16:creationId xmlns:a16="http://schemas.microsoft.com/office/drawing/2014/main" id="{B7FB15AB-6907-45F1-ADB1-35F779D85BB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351152" y="4289086"/>
            <a:ext cx="151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4" dirty="0">
                <a:solidFill>
                  <a:schemeClr val="dk1"/>
                </a:solidFill>
                <a:latin typeface="Calibri" panose="020F0502020204030204" pitchFamily="34" charset="0"/>
              </a:rPr>
              <a:t>Provisioning System Implementation</a:t>
            </a:r>
          </a:p>
        </p:txBody>
      </p:sp>
      <p:sp>
        <p:nvSpPr>
          <p:cNvPr id="255" name="OTLSHAPE_SLT_13690fe808794e478101b9da27a10413_Title">
            <a:extLst>
              <a:ext uri="{FF2B5EF4-FFF2-40B4-BE49-F238E27FC236}">
                <a16:creationId xmlns:a16="http://schemas.microsoft.com/office/drawing/2014/main" id="{B8966ECF-0FB8-477A-8A09-F2D5D2A714B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814164" y="4619286"/>
            <a:ext cx="147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spc="-2" dirty="0">
                <a:solidFill>
                  <a:schemeClr val="dk1"/>
                </a:solidFill>
                <a:latin typeface="Calibri" panose="020F0502020204030204" pitchFamily="34" charset="0"/>
              </a:rPr>
              <a:t>Legacy System Sunset &amp; Conversion</a:t>
            </a:r>
          </a:p>
        </p:txBody>
      </p:sp>
      <p:sp>
        <p:nvSpPr>
          <p:cNvPr id="265" name="OTLSHAPE_SLT_e3d44450d8cb4fb0adf087eb208fea38_Title">
            <a:extLst>
              <a:ext uri="{FF2B5EF4-FFF2-40B4-BE49-F238E27FC236}">
                <a16:creationId xmlns:a16="http://schemas.microsoft.com/office/drawing/2014/main" id="{39AFAE42-2386-4BD6-998E-ED3EC84214F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832510" y="4899999"/>
            <a:ext cx="774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Product Alignment</a:t>
            </a:r>
          </a:p>
        </p:txBody>
      </p:sp>
      <p:sp>
        <p:nvSpPr>
          <p:cNvPr id="266" name="OTLSHAPE_SLT_e3d44450d8cb4fb0adf087eb208fea38_TextPercentage">
            <a:extLst>
              <a:ext uri="{FF2B5EF4-FFF2-40B4-BE49-F238E27FC236}">
                <a16:creationId xmlns:a16="http://schemas.microsoft.com/office/drawing/2014/main" id="{960DC92E-8D50-42AE-845E-4105B808DC7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598811" y="48845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76" name="OTLSHAPE_SLT_137ef326831447468f4205c4ee5f5e9d_Title">
            <a:extLst>
              <a:ext uri="{FF2B5EF4-FFF2-40B4-BE49-F238E27FC236}">
                <a16:creationId xmlns:a16="http://schemas.microsoft.com/office/drawing/2014/main" id="{94C77E3A-449D-481A-AB13-B565129366B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643295" y="5093123"/>
            <a:ext cx="965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Sunset Legacy Products</a:t>
            </a:r>
          </a:p>
        </p:txBody>
      </p:sp>
      <p:sp>
        <p:nvSpPr>
          <p:cNvPr id="277" name="OTLSHAPE_SLT_137ef326831447468f4205c4ee5f5e9d_TextPercentage">
            <a:extLst>
              <a:ext uri="{FF2B5EF4-FFF2-40B4-BE49-F238E27FC236}">
                <a16:creationId xmlns:a16="http://schemas.microsoft.com/office/drawing/2014/main" id="{B258771D-446F-4EE1-A650-D8CA5EAE519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30972" y="507762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287" name="OTLSHAPE_SLT_8b5e971c44db40879c7bfb7bc25ad3c0_Title">
            <a:extLst>
              <a:ext uri="{FF2B5EF4-FFF2-40B4-BE49-F238E27FC236}">
                <a16:creationId xmlns:a16="http://schemas.microsoft.com/office/drawing/2014/main" id="{B55B5D77-090F-489A-B457-82CDFD8CCD1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846969" y="4899999"/>
            <a:ext cx="939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Develop New Products</a:t>
            </a:r>
          </a:p>
        </p:txBody>
      </p:sp>
      <p:sp>
        <p:nvSpPr>
          <p:cNvPr id="288" name="OTLSHAPE_SLT_8b5e971c44db40879c7bfb7bc25ad3c0_TextPercentage">
            <a:extLst>
              <a:ext uri="{FF2B5EF4-FFF2-40B4-BE49-F238E27FC236}">
                <a16:creationId xmlns:a16="http://schemas.microsoft.com/office/drawing/2014/main" id="{88A33ACD-1386-4797-A543-383D0B13A9F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512197" y="48845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98" name="OTLSHAPE_SLT_2760454719f44eaaad096abc1ef15808_Title">
            <a:extLst>
              <a:ext uri="{FF2B5EF4-FFF2-40B4-BE49-F238E27FC236}">
                <a16:creationId xmlns:a16="http://schemas.microsoft.com/office/drawing/2014/main" id="{0B5EDDB4-234A-4944-9F91-18C85DC94DD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6729909" y="5286248"/>
            <a:ext cx="901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Launch New Products</a:t>
            </a:r>
          </a:p>
        </p:txBody>
      </p:sp>
      <p:sp>
        <p:nvSpPr>
          <p:cNvPr id="299" name="OTLSHAPE_SLT_2760454719f44eaaad096abc1ef15808_TextPercentage">
            <a:extLst>
              <a:ext uri="{FF2B5EF4-FFF2-40B4-BE49-F238E27FC236}">
                <a16:creationId xmlns:a16="http://schemas.microsoft.com/office/drawing/2014/main" id="{CF317318-8120-40FA-8AD2-83521FA2A80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6280910" y="527075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309" name="OTLSHAPE_SLT_d002f6ecf3e34e0891307c9c35ac5974_Title">
            <a:extLst>
              <a:ext uri="{FF2B5EF4-FFF2-40B4-BE49-F238E27FC236}">
                <a16:creationId xmlns:a16="http://schemas.microsoft.com/office/drawing/2014/main" id="{74F39872-4915-481E-8B8A-C0F7996554F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272461" y="5580973"/>
            <a:ext cx="1181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Facilities Planning &amp; Analysis</a:t>
            </a:r>
          </a:p>
        </p:txBody>
      </p:sp>
      <p:sp>
        <p:nvSpPr>
          <p:cNvPr id="310" name="OTLSHAPE_SLT_d002f6ecf3e34e0891307c9c35ac5974_TextPercentage">
            <a:extLst>
              <a:ext uri="{FF2B5EF4-FFF2-40B4-BE49-F238E27FC236}">
                <a16:creationId xmlns:a16="http://schemas.microsoft.com/office/drawing/2014/main" id="{D98BDE3B-2B39-4B6E-9E94-1698FF4B93C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5674577" y="556547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20" name="OTLSHAPE_SLT_7ca1cb56ff734e28b543082b3969fcab_Title">
            <a:extLst>
              <a:ext uri="{FF2B5EF4-FFF2-40B4-BE49-F238E27FC236}">
                <a16:creationId xmlns:a16="http://schemas.microsoft.com/office/drawing/2014/main" id="{B2C06568-8D7F-43E8-9593-127EF1AD772C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6303663" y="5580973"/>
            <a:ext cx="863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  <a:latin typeface="Calibri" panose="020F0502020204030204" pitchFamily="34" charset="0"/>
              </a:rPr>
              <a:t>Hire Real Estate Firm</a:t>
            </a:r>
          </a:p>
        </p:txBody>
      </p:sp>
      <p:sp>
        <p:nvSpPr>
          <p:cNvPr id="321" name="OTLSHAPE_SLT_7ca1cb56ff734e28b543082b3969fcab_TextPercentage">
            <a:extLst>
              <a:ext uri="{FF2B5EF4-FFF2-40B4-BE49-F238E27FC236}">
                <a16:creationId xmlns:a16="http://schemas.microsoft.com/office/drawing/2014/main" id="{DDC3DC2D-B49D-434A-B09C-29E2BA14AAD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968890" y="556547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31" name="OTLSHAPE_SLT_8c425757006d4fbdbce1e6e96a5b5edf_Title">
            <a:extLst>
              <a:ext uri="{FF2B5EF4-FFF2-40B4-BE49-F238E27FC236}">
                <a16:creationId xmlns:a16="http://schemas.microsoft.com/office/drawing/2014/main" id="{52A71F56-3F4F-40B2-8E9D-C020F10B0E9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206900" y="5967222"/>
            <a:ext cx="863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4">
                <a:solidFill>
                  <a:schemeClr val="dk1"/>
                </a:solidFill>
                <a:latin typeface="Calibri" panose="020F0502020204030204" pitchFamily="34" charset="0"/>
              </a:rPr>
              <a:t>Consolidate Facilities</a:t>
            </a:r>
          </a:p>
        </p:txBody>
      </p:sp>
      <p:sp>
        <p:nvSpPr>
          <p:cNvPr id="332" name="OTLSHAPE_SLT_8c425757006d4fbdbce1e6e96a5b5edf_TextPercentage">
            <a:extLst>
              <a:ext uri="{FF2B5EF4-FFF2-40B4-BE49-F238E27FC236}">
                <a16:creationId xmlns:a16="http://schemas.microsoft.com/office/drawing/2014/main" id="{F2A267B7-6CCA-4BC6-B18F-520070BBFD0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449380" y="595172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342" name="OTLSHAPE_SLT_897337a653d841f5a56c9ef6b792a133_Title">
            <a:extLst>
              <a:ext uri="{FF2B5EF4-FFF2-40B4-BE49-F238E27FC236}">
                <a16:creationId xmlns:a16="http://schemas.microsoft.com/office/drawing/2014/main" id="{F574467A-BC95-4B6D-ABA0-A2BE3B1C1D1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618274" y="5774097"/>
            <a:ext cx="1244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2">
                <a:solidFill>
                  <a:schemeClr val="dk1"/>
                </a:solidFill>
                <a:latin typeface="Calibri" panose="020F0502020204030204" pitchFamily="34" charset="0"/>
              </a:rPr>
              <a:t>Dispense of Excess Real Estate</a:t>
            </a:r>
            <a:endParaRPr lang="en-US" sz="8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SLT_897337a653d841f5a56c9ef6b792a133_TextPercentage">
            <a:extLst>
              <a:ext uri="{FF2B5EF4-FFF2-40B4-BE49-F238E27FC236}">
                <a16:creationId xmlns:a16="http://schemas.microsoft.com/office/drawing/2014/main" id="{7878AA76-C6C5-4F44-A5BF-98E523FCF95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83501" y="575860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65" name="OTLSHAPE_TB_00000000000000000000000000000000_MiddleTimescaleInterval1">
            <a:extLst>
              <a:ext uri="{FF2B5EF4-FFF2-40B4-BE49-F238E27FC236}">
                <a16:creationId xmlns:a16="http://schemas.microsoft.com/office/drawing/2014/main" id="{BF37D360-965A-4641-A5F0-D0A3417F0E0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165537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366" name="OTLSHAPE_TB_00000000000000000000000000000000_MiddleTimescaleInterval2">
            <a:extLst>
              <a:ext uri="{FF2B5EF4-FFF2-40B4-BE49-F238E27FC236}">
                <a16:creationId xmlns:a16="http://schemas.microsoft.com/office/drawing/2014/main" id="{3533A4CB-FDC9-4D49-9732-F136A9C82FCC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3078923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67" name="OTLSHAPE_TB_00000000000000000000000000000000_MiddleTimescaleInterval3">
            <a:extLst>
              <a:ext uri="{FF2B5EF4-FFF2-40B4-BE49-F238E27FC236}">
                <a16:creationId xmlns:a16="http://schemas.microsoft.com/office/drawing/2014/main" id="{69F0F730-68CF-4FE4-B241-BEC61140AE5A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4002458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68" name="OTLSHAPE_TB_00000000000000000000000000000000_MiddleTimescaleInterval4">
            <a:extLst>
              <a:ext uri="{FF2B5EF4-FFF2-40B4-BE49-F238E27FC236}">
                <a16:creationId xmlns:a16="http://schemas.microsoft.com/office/drawing/2014/main" id="{C3A54DFD-1C30-46BD-A1CB-F706ED10AE2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936141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69" name="OTLSHAPE_TB_00000000000000000000000000000000_MiddleTimescaleInterval5">
            <a:extLst>
              <a:ext uri="{FF2B5EF4-FFF2-40B4-BE49-F238E27FC236}">
                <a16:creationId xmlns:a16="http://schemas.microsoft.com/office/drawing/2014/main" id="{F093EF81-86E4-40B7-894F-5111224980B3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5869825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370" name="OTLSHAPE_TB_00000000000000000000000000000000_MiddleTimescaleInterval6">
            <a:extLst>
              <a:ext uri="{FF2B5EF4-FFF2-40B4-BE49-F238E27FC236}">
                <a16:creationId xmlns:a16="http://schemas.microsoft.com/office/drawing/2014/main" id="{74C6CC01-4F6D-49CD-8FC3-AD36509FC4D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783212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71" name="OTLSHAPE_TB_00000000000000000000000000000000_MiddleTimescaleInterval7">
            <a:extLst>
              <a:ext uri="{FF2B5EF4-FFF2-40B4-BE49-F238E27FC236}">
                <a16:creationId xmlns:a16="http://schemas.microsoft.com/office/drawing/2014/main" id="{E48E6CA0-4672-465E-927D-4DBC4631C872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7706747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72" name="OTLSHAPE_TB_00000000000000000000000000000000_MiddleTimescaleInterval8">
            <a:extLst>
              <a:ext uri="{FF2B5EF4-FFF2-40B4-BE49-F238E27FC236}">
                <a16:creationId xmlns:a16="http://schemas.microsoft.com/office/drawing/2014/main" id="{B6F1AE9E-EE3F-4D1B-A990-29988D5CCD5A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640430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73" name="OTLSHAPE_TB_00000000000000000000000000000000_MiddleTimescaleInterval9">
            <a:extLst>
              <a:ext uri="{FF2B5EF4-FFF2-40B4-BE49-F238E27FC236}">
                <a16:creationId xmlns:a16="http://schemas.microsoft.com/office/drawing/2014/main" id="{D3287567-19E1-4B5A-94CA-47FBBFA72EF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9574113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374" name="OTLSHAPE_TB_00000000000000000000000000000000_MiddleTimescaleInterval10">
            <a:extLst>
              <a:ext uri="{FF2B5EF4-FFF2-40B4-BE49-F238E27FC236}">
                <a16:creationId xmlns:a16="http://schemas.microsoft.com/office/drawing/2014/main" id="{46A113E5-B24B-4BA6-91C6-434982E08A5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0487500" y="1242399"/>
            <a:ext cx="139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75" name="OTLSHAPE_TB_00000000000000000000000000000000_BottomTimescaleInterval1">
            <a:extLst>
              <a:ext uri="{FF2B5EF4-FFF2-40B4-BE49-F238E27FC236}">
                <a16:creationId xmlns:a16="http://schemas.microsoft.com/office/drawing/2014/main" id="{FCB0E4A4-88CD-4556-A9C0-98C39769C67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2165537" y="1434423"/>
            <a:ext cx="1524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376" name="OTLSHAPE_TB_00000000000000000000000000000000_BottomTimescaleInterval2">
            <a:extLst>
              <a:ext uri="{FF2B5EF4-FFF2-40B4-BE49-F238E27FC236}">
                <a16:creationId xmlns:a16="http://schemas.microsoft.com/office/drawing/2014/main" id="{DBEDC5D2-2BB4-41FD-8816-2C8380B276B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3078923" y="1434423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77" name="OTLSHAPE_TB_00000000000000000000000000000000_BottomTimescaleInterval3">
            <a:extLst>
              <a:ext uri="{FF2B5EF4-FFF2-40B4-BE49-F238E27FC236}">
                <a16:creationId xmlns:a16="http://schemas.microsoft.com/office/drawing/2014/main" id="{F125B6D2-034D-4AD8-83E3-3F7D3C3AC68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4002458" y="1434423"/>
            <a:ext cx="1270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78" name="OTLSHAPE_TB_00000000000000000000000000000000_BottomTimescaleInterval4">
            <a:extLst>
              <a:ext uri="{FF2B5EF4-FFF2-40B4-BE49-F238E27FC236}">
                <a16:creationId xmlns:a16="http://schemas.microsoft.com/office/drawing/2014/main" id="{703B0522-7EDE-4367-A440-0C9E4ABBAC52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4936141" y="1434423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79" name="OTLSHAPE_TB_00000000000000000000000000000000_BottomTimescaleInterval5">
            <a:extLst>
              <a:ext uri="{FF2B5EF4-FFF2-40B4-BE49-F238E27FC236}">
                <a16:creationId xmlns:a16="http://schemas.microsoft.com/office/drawing/2014/main" id="{DC51CE9D-7101-431E-9D64-FB0A6C3A820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5869825" y="1434423"/>
            <a:ext cx="1524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380" name="OTLSHAPE_TB_00000000000000000000000000000000_BottomTimescaleInterval6">
            <a:extLst>
              <a:ext uri="{FF2B5EF4-FFF2-40B4-BE49-F238E27FC236}">
                <a16:creationId xmlns:a16="http://schemas.microsoft.com/office/drawing/2014/main" id="{F57528E6-70DB-4220-A9F3-616E75DB9E5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6783212" y="1434423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81" name="OTLSHAPE_TB_00000000000000000000000000000000_BottomTimescaleInterval7">
            <a:extLst>
              <a:ext uri="{FF2B5EF4-FFF2-40B4-BE49-F238E27FC236}">
                <a16:creationId xmlns:a16="http://schemas.microsoft.com/office/drawing/2014/main" id="{68292E14-0296-406B-BC21-91B76BDFD1E1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7706747" y="1434423"/>
            <a:ext cx="1270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82" name="OTLSHAPE_TB_00000000000000000000000000000000_BottomTimescaleInterval8">
            <a:extLst>
              <a:ext uri="{FF2B5EF4-FFF2-40B4-BE49-F238E27FC236}">
                <a16:creationId xmlns:a16="http://schemas.microsoft.com/office/drawing/2014/main" id="{08770C50-7A44-4FDD-BD41-F50C3C309043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8640430" y="1434423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83" name="OTLSHAPE_TB_00000000000000000000000000000000_BottomTimescaleInterval9">
            <a:extLst>
              <a:ext uri="{FF2B5EF4-FFF2-40B4-BE49-F238E27FC236}">
                <a16:creationId xmlns:a16="http://schemas.microsoft.com/office/drawing/2014/main" id="{370522F0-50FE-490B-9E8C-2031E2D6BD2E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574113" y="1434423"/>
            <a:ext cx="1524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384" name="OTLSHAPE_TB_00000000000000000000000000000000_BottomTimescaleInterval10">
            <a:extLst>
              <a:ext uri="{FF2B5EF4-FFF2-40B4-BE49-F238E27FC236}">
                <a16:creationId xmlns:a16="http://schemas.microsoft.com/office/drawing/2014/main" id="{ABCAF82E-D9A5-4607-94DA-9DDFD710E37D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0487500" y="1434423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387" name="OTLSHAPE_TB_00000000000000000000000000000000_Separator1">
            <a:extLst>
              <a:ext uri="{FF2B5EF4-FFF2-40B4-BE49-F238E27FC236}">
                <a16:creationId xmlns:a16="http://schemas.microsoft.com/office/drawing/2014/main" id="{594BEB8D-9D7A-4C60-9785-365DAA00FA4A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5806325" y="10287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8" name="OTLSHAPE_TB_00000000000000000000000000000000_Separator2">
            <a:extLst>
              <a:ext uri="{FF2B5EF4-FFF2-40B4-BE49-F238E27FC236}">
                <a16:creationId xmlns:a16="http://schemas.microsoft.com/office/drawing/2014/main" id="{5573CC0C-C142-41BB-AFC6-387AA5B01206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9510613" y="10287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9" name="OTLSHAPE_TB_00000000000000000000000000000000_MiddleSeparator1">
            <a:extLst>
              <a:ext uri="{FF2B5EF4-FFF2-40B4-BE49-F238E27FC236}">
                <a16:creationId xmlns:a16="http://schemas.microsoft.com/office/drawing/2014/main" id="{AA2B34C1-DE95-4627-A0F7-53A62294B14A}"/>
              </a:ext>
            </a:extLst>
          </p:cNvPr>
          <p:cNvCxnSpPr/>
          <p:nvPr>
            <p:custDataLst>
              <p:tags r:id="rId159"/>
            </p:custDataLst>
          </p:nvPr>
        </p:nvCxnSpPr>
        <p:spPr>
          <a:xfrm>
            <a:off x="3015423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0" name="OTLSHAPE_TB_00000000000000000000000000000000_MiddleSeparator2">
            <a:extLst>
              <a:ext uri="{FF2B5EF4-FFF2-40B4-BE49-F238E27FC236}">
                <a16:creationId xmlns:a16="http://schemas.microsoft.com/office/drawing/2014/main" id="{F75E9EFC-D852-41DD-8024-9F59EFF7439C}"/>
              </a:ext>
            </a:extLst>
          </p:cNvPr>
          <p:cNvCxnSpPr/>
          <p:nvPr>
            <p:custDataLst>
              <p:tags r:id="rId160"/>
            </p:custDataLst>
          </p:nvPr>
        </p:nvCxnSpPr>
        <p:spPr>
          <a:xfrm>
            <a:off x="3938958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1" name="OTLSHAPE_TB_00000000000000000000000000000000_MiddleSeparator3">
            <a:extLst>
              <a:ext uri="{FF2B5EF4-FFF2-40B4-BE49-F238E27FC236}">
                <a16:creationId xmlns:a16="http://schemas.microsoft.com/office/drawing/2014/main" id="{3E055936-F59B-4A44-97F0-8A349814A092}"/>
              </a:ext>
            </a:extLst>
          </p:cNvPr>
          <p:cNvCxnSpPr/>
          <p:nvPr>
            <p:custDataLst>
              <p:tags r:id="rId161"/>
            </p:custDataLst>
          </p:nvPr>
        </p:nvCxnSpPr>
        <p:spPr>
          <a:xfrm>
            <a:off x="4872641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2" name="OTLSHAPE_TB_00000000000000000000000000000000_MiddleSeparator4">
            <a:extLst>
              <a:ext uri="{FF2B5EF4-FFF2-40B4-BE49-F238E27FC236}">
                <a16:creationId xmlns:a16="http://schemas.microsoft.com/office/drawing/2014/main" id="{4F610353-B4F4-41A0-931C-52DDB0BCF51A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5806325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3" name="OTLSHAPE_TB_00000000000000000000000000000000_MiddleSeparator5">
            <a:extLst>
              <a:ext uri="{FF2B5EF4-FFF2-40B4-BE49-F238E27FC236}">
                <a16:creationId xmlns:a16="http://schemas.microsoft.com/office/drawing/2014/main" id="{C15ABA05-932B-41C8-8651-9579584E7903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6719712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4" name="OTLSHAPE_TB_00000000000000000000000000000000_MiddleSeparator6">
            <a:extLst>
              <a:ext uri="{FF2B5EF4-FFF2-40B4-BE49-F238E27FC236}">
                <a16:creationId xmlns:a16="http://schemas.microsoft.com/office/drawing/2014/main" id="{2FB6A15D-0338-4569-91AF-3FE1098A22F7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7643246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5" name="OTLSHAPE_TB_00000000000000000000000000000000_MiddleSeparator7">
            <a:extLst>
              <a:ext uri="{FF2B5EF4-FFF2-40B4-BE49-F238E27FC236}">
                <a16:creationId xmlns:a16="http://schemas.microsoft.com/office/drawing/2014/main" id="{1CB71D62-C1C3-4967-9C17-F23B53254729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8576930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6" name="OTLSHAPE_TB_00000000000000000000000000000000_MiddleSeparator8">
            <a:extLst>
              <a:ext uri="{FF2B5EF4-FFF2-40B4-BE49-F238E27FC236}">
                <a16:creationId xmlns:a16="http://schemas.microsoft.com/office/drawing/2014/main" id="{42414DAF-7530-4E34-9478-E389A2C275F0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9510613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7" name="OTLSHAPE_TB_00000000000000000000000000000000_MiddleSeparator9">
            <a:extLst>
              <a:ext uri="{FF2B5EF4-FFF2-40B4-BE49-F238E27FC236}">
                <a16:creationId xmlns:a16="http://schemas.microsoft.com/office/drawing/2014/main" id="{782A714C-D04F-4369-9A25-C02B7352C27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10423999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8" name="OTLSHAPE_TB_00000000000000000000000000000000_BottomSeparator1">
            <a:extLst>
              <a:ext uri="{FF2B5EF4-FFF2-40B4-BE49-F238E27FC236}">
                <a16:creationId xmlns:a16="http://schemas.microsoft.com/office/drawing/2014/main" id="{C75A6AE8-FA4A-4C50-8A20-F96C60FE5491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3015423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" name="OTLSHAPE_TB_00000000000000000000000000000000_BottomSeparator2">
            <a:extLst>
              <a:ext uri="{FF2B5EF4-FFF2-40B4-BE49-F238E27FC236}">
                <a16:creationId xmlns:a16="http://schemas.microsoft.com/office/drawing/2014/main" id="{8B6A9219-12AC-46F6-8C4F-9775E6111522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3938958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0" name="OTLSHAPE_TB_00000000000000000000000000000000_BottomSeparator3">
            <a:extLst>
              <a:ext uri="{FF2B5EF4-FFF2-40B4-BE49-F238E27FC236}">
                <a16:creationId xmlns:a16="http://schemas.microsoft.com/office/drawing/2014/main" id="{2D11C6D3-ACD0-4101-AD1F-97D55BBE1CD5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4872641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1" name="OTLSHAPE_TB_00000000000000000000000000000000_BottomSeparator4">
            <a:extLst>
              <a:ext uri="{FF2B5EF4-FFF2-40B4-BE49-F238E27FC236}">
                <a16:creationId xmlns:a16="http://schemas.microsoft.com/office/drawing/2014/main" id="{09C8A376-6479-4790-AEB4-F0157D579BD8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5806325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BottomSeparator5">
            <a:extLst>
              <a:ext uri="{FF2B5EF4-FFF2-40B4-BE49-F238E27FC236}">
                <a16:creationId xmlns:a16="http://schemas.microsoft.com/office/drawing/2014/main" id="{DE1F6538-B247-4C06-9D1A-28DF9C97029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6719712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BottomSeparator6">
            <a:extLst>
              <a:ext uri="{FF2B5EF4-FFF2-40B4-BE49-F238E27FC236}">
                <a16:creationId xmlns:a16="http://schemas.microsoft.com/office/drawing/2014/main" id="{62733B8E-322E-4507-829F-4082F6B5AD8B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7643246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" name="OTLSHAPE_TB_00000000000000000000000000000000_BottomSeparator7">
            <a:extLst>
              <a:ext uri="{FF2B5EF4-FFF2-40B4-BE49-F238E27FC236}">
                <a16:creationId xmlns:a16="http://schemas.microsoft.com/office/drawing/2014/main" id="{CE45897C-7F11-4B3D-8370-B2CB80BC83B9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8576930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" name="OTLSHAPE_TB_00000000000000000000000000000000_BottomSeparator8">
            <a:extLst>
              <a:ext uri="{FF2B5EF4-FFF2-40B4-BE49-F238E27FC236}">
                <a16:creationId xmlns:a16="http://schemas.microsoft.com/office/drawing/2014/main" id="{22D47358-2929-43C4-A458-577640F4D2F9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9510613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OTLSHAPE_TB_00000000000000000000000000000000_BottomSeparator9">
            <a:extLst>
              <a:ext uri="{FF2B5EF4-FFF2-40B4-BE49-F238E27FC236}">
                <a16:creationId xmlns:a16="http://schemas.microsoft.com/office/drawing/2014/main" id="{931C82B3-0CB2-489F-B1F3-DC272838127B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10423999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M_d006fb507d0747afb59d8cadc657ed71_Shape">
            <a:extLst>
              <a:ext uri="{FF2B5EF4-FFF2-40B4-BE49-F238E27FC236}">
                <a16:creationId xmlns:a16="http://schemas.microsoft.com/office/drawing/2014/main" id="{DE73EF6E-9B0C-49E5-B3F3-CE8F8FE9C4C9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2208507" y="153212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6" name="OTLSHAPE_M_d006fb507d0747afb59d8cadc657ed71_Title">
            <a:extLst>
              <a:ext uri="{FF2B5EF4-FFF2-40B4-BE49-F238E27FC236}">
                <a16:creationId xmlns:a16="http://schemas.microsoft.com/office/drawing/2014/main" id="{6ED4A220-D537-4442-AF6C-B47ACD4F7195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767669" y="1735328"/>
            <a:ext cx="1041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hareholder Approval</a:t>
            </a:r>
          </a:p>
        </p:txBody>
      </p:sp>
      <p:sp>
        <p:nvSpPr>
          <p:cNvPr id="19" name="OTLSHAPE_M_8fd824f1cca840ae9c7ba83a8f6a34b8_Title">
            <a:extLst>
              <a:ext uri="{FF2B5EF4-FFF2-40B4-BE49-F238E27FC236}">
                <a16:creationId xmlns:a16="http://schemas.microsoft.com/office/drawing/2014/main" id="{510DE2A5-965A-4DCB-B9A0-56FBC6DF1C32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0752888" y="1735328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tegration Complete</a:t>
            </a:r>
          </a:p>
        </p:txBody>
      </p:sp>
      <p:sp>
        <p:nvSpPr>
          <p:cNvPr id="54" name="OTLSHAPE_M_8fd824f1cca840ae9c7ba83a8f6a34b8_Shape">
            <a:extLst>
              <a:ext uri="{FF2B5EF4-FFF2-40B4-BE49-F238E27FC236}">
                <a16:creationId xmlns:a16="http://schemas.microsoft.com/office/drawing/2014/main" id="{63410CCE-4C71-45E3-AA9B-D96A9ADE4032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1179989" y="1532128"/>
            <a:ext cx="152400" cy="1778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5893C18-B51E-44DA-81C1-A23C6620E49B}"/>
              </a:ext>
            </a:extLst>
          </p:cNvPr>
          <p:cNvSpPr txBox="1"/>
          <p:nvPr/>
        </p:nvSpPr>
        <p:spPr>
          <a:xfrm>
            <a:off x="429208" y="270588"/>
            <a:ext cx="623332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Merger &amp; Acquisition Integration Schedule</a:t>
            </a:r>
          </a:p>
        </p:txBody>
      </p:sp>
      <p:grpSp>
        <p:nvGrpSpPr>
          <p:cNvPr id="311" name="Group 310">
            <a:extLst>
              <a:ext uri="{FF2B5EF4-FFF2-40B4-BE49-F238E27FC236}">
                <a16:creationId xmlns:a16="http://schemas.microsoft.com/office/drawing/2014/main" id="{5331DB63-46EA-401D-AD20-454EA33B9C15}"/>
              </a:ext>
            </a:extLst>
          </p:cNvPr>
          <p:cNvGrpSpPr/>
          <p:nvPr/>
        </p:nvGrpSpPr>
        <p:grpSpPr>
          <a:xfrm>
            <a:off x="11409970" y="3911438"/>
            <a:ext cx="276999" cy="2332381"/>
            <a:chOff x="11446296" y="4100169"/>
            <a:chExt cx="276999" cy="2332381"/>
          </a:xfrm>
        </p:grpSpPr>
        <p:pic>
          <p:nvPicPr>
            <p:cNvPr id="312" name="Picture 311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538E405C-8629-419F-9244-A0907DC270A5}"/>
                </a:ext>
              </a:extLst>
            </p:cNvPr>
            <p:cNvPicPr>
              <a:picLocks noChangeAspect="1"/>
            </p:cNvPicPr>
            <p:nvPr/>
          </p:nvPicPr>
          <p:blipFill>
            <a:blip r:embed="rId18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13" name="TextBox 312">
              <a:extLst>
                <a:ext uri="{FF2B5EF4-FFF2-40B4-BE49-F238E27FC236}">
                  <a16:creationId xmlns:a16="http://schemas.microsoft.com/office/drawing/2014/main" id="{49D0E87B-4239-4246-B594-49D6ABB256D6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59293000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OTLSHAPE_SL_a59b1d161864498d9134b06f61b841a7_BackgroundRectangle">
            <a:extLst>
              <a:ext uri="{FF2B5EF4-FFF2-40B4-BE49-F238E27FC236}">
                <a16:creationId xmlns:a16="http://schemas.microsoft.com/office/drawing/2014/main" id="{B6E1EEEF-2BCC-4AAE-B40F-3C0A597D1EF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270000"/>
            <a:ext cx="11201400" cy="1956647"/>
          </a:xfrm>
          <a:prstGeom prst="rect">
            <a:avLst/>
          </a:prstGeom>
          <a:solidFill>
            <a:srgbClr val="1780A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77fd71cb953b4a8d84c86007f44333e0_BackgroundRectangle">
            <a:extLst>
              <a:ext uri="{FF2B5EF4-FFF2-40B4-BE49-F238E27FC236}">
                <a16:creationId xmlns:a16="http://schemas.microsoft.com/office/drawing/2014/main" id="{2EC6482A-8039-42F0-8FD4-7C0FBD10555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290147"/>
            <a:ext cx="11201400" cy="1956647"/>
          </a:xfrm>
          <a:prstGeom prst="rect">
            <a:avLst/>
          </a:prstGeom>
          <a:solidFill>
            <a:srgbClr val="2E6F9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949fb810703b46b299db3832b5dd3e5e_BackgroundRectangle">
            <a:extLst>
              <a:ext uri="{FF2B5EF4-FFF2-40B4-BE49-F238E27FC236}">
                <a16:creationId xmlns:a16="http://schemas.microsoft.com/office/drawing/2014/main" id="{4E5500F5-1682-44FB-BA4D-589E8121F53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310293"/>
            <a:ext cx="11201400" cy="997373"/>
          </a:xfrm>
          <a:prstGeom prst="rect">
            <a:avLst/>
          </a:prstGeom>
          <a:solidFill>
            <a:srgbClr val="455E8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6" name="OTLSHAPE_TB_00000000000000000000000000000000_ScaleContainer">
            <a:extLst>
              <a:ext uri="{FF2B5EF4-FFF2-40B4-BE49-F238E27FC236}">
                <a16:creationId xmlns:a16="http://schemas.microsoft.com/office/drawing/2014/main" id="{C9ADC3CA-C965-4646-AC8E-DC50A1BA0D5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309478" y="685800"/>
            <a:ext cx="9956800" cy="381000"/>
          </a:xfrm>
          <a:prstGeom prst="rect">
            <a:avLst/>
          </a:prstGeom>
          <a:solidFill>
            <a:srgbClr val="0091A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a59b1d161864498d9134b06f61b841a7_HeaderRectangle">
            <a:extLst>
              <a:ext uri="{FF2B5EF4-FFF2-40B4-BE49-F238E27FC236}">
                <a16:creationId xmlns:a16="http://schemas.microsoft.com/office/drawing/2014/main" id="{D34E1C7B-3E13-4A04-B7B1-3D2FA88A4D9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1270000"/>
            <a:ext cx="1130300" cy="1956647"/>
          </a:xfrm>
          <a:prstGeom prst="rect">
            <a:avLst/>
          </a:prstGeom>
          <a:solidFill>
            <a:srgbClr val="1780A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77fd71cb953b4a8d84c86007f44333e0_HeaderRectangle">
            <a:extLst>
              <a:ext uri="{FF2B5EF4-FFF2-40B4-BE49-F238E27FC236}">
                <a16:creationId xmlns:a16="http://schemas.microsoft.com/office/drawing/2014/main" id="{FC35BFE2-4C9F-4B00-ABF6-99E1F3336F7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290147"/>
            <a:ext cx="1130300" cy="1956647"/>
          </a:xfrm>
          <a:prstGeom prst="rect">
            <a:avLst/>
          </a:prstGeom>
          <a:solidFill>
            <a:srgbClr val="2E6F9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949fb810703b46b299db3832b5dd3e5e_HeaderRectangle">
            <a:extLst>
              <a:ext uri="{FF2B5EF4-FFF2-40B4-BE49-F238E27FC236}">
                <a16:creationId xmlns:a16="http://schemas.microsoft.com/office/drawing/2014/main" id="{C16DA829-142E-4E50-943B-CFE6CFA59E4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310293"/>
            <a:ext cx="1130300" cy="997373"/>
          </a:xfrm>
          <a:prstGeom prst="rect">
            <a:avLst/>
          </a:prstGeom>
          <a:solidFill>
            <a:srgbClr val="455E8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0" name="OTLSHAPE_G_00000000000000000000000000000000_ShapeBelow0">
            <a:extLst>
              <a:ext uri="{FF2B5EF4-FFF2-40B4-BE49-F238E27FC236}">
                <a16:creationId xmlns:a16="http://schemas.microsoft.com/office/drawing/2014/main" id="{38272797-D7F4-495D-B32F-9FCE024F8AC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966914" y="1066800"/>
            <a:ext cx="0" cy="524086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1">
            <a:extLst>
              <a:ext uri="{FF2B5EF4-FFF2-40B4-BE49-F238E27FC236}">
                <a16:creationId xmlns:a16="http://schemas.microsoft.com/office/drawing/2014/main" id="{586F9E8D-ACB0-4B7E-8A2B-BD65A4B2617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624350" y="1066800"/>
            <a:ext cx="0" cy="524086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2">
            <a:extLst>
              <a:ext uri="{FF2B5EF4-FFF2-40B4-BE49-F238E27FC236}">
                <a16:creationId xmlns:a16="http://schemas.microsoft.com/office/drawing/2014/main" id="{760093F6-F1A9-469C-BB91-376B99FF9C0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286327" y="1066800"/>
            <a:ext cx="0" cy="524086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3">
            <a:extLst>
              <a:ext uri="{FF2B5EF4-FFF2-40B4-BE49-F238E27FC236}">
                <a16:creationId xmlns:a16="http://schemas.microsoft.com/office/drawing/2014/main" id="{CF1A60D0-08BA-4EE9-83FC-74C582D86EB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943762" y="1066800"/>
            <a:ext cx="0" cy="524086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4">
            <a:extLst>
              <a:ext uri="{FF2B5EF4-FFF2-40B4-BE49-F238E27FC236}">
                <a16:creationId xmlns:a16="http://schemas.microsoft.com/office/drawing/2014/main" id="{D861CFA8-3A69-40DC-87C5-1C18C8842C9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601198" y="1066800"/>
            <a:ext cx="0" cy="524086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" name="OTLSHAPE_SLT_660f0e12e7cf47f5a5e3a7bb4eddf317_Shape">
            <a:extLst>
              <a:ext uri="{FF2B5EF4-FFF2-40B4-BE49-F238E27FC236}">
                <a16:creationId xmlns:a16="http://schemas.microsoft.com/office/drawing/2014/main" id="{AAE7B63C-4F9A-45FA-B50F-736086ACEDB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309478" y="1546437"/>
            <a:ext cx="99568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T_c441ecf5d67d4d6e87236667fc6003f6_Shape">
            <a:extLst>
              <a:ext uri="{FF2B5EF4-FFF2-40B4-BE49-F238E27FC236}">
                <a16:creationId xmlns:a16="http://schemas.microsoft.com/office/drawing/2014/main" id="{4247DCA7-906E-427F-B4C1-DAA9A73B8D5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9478" y="2026073"/>
            <a:ext cx="9956800" cy="2032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OTLSHAPE_SLT_7c438891e0a440498d52f97a7c8c1f13_Shape">
            <a:extLst>
              <a:ext uri="{FF2B5EF4-FFF2-40B4-BE49-F238E27FC236}">
                <a16:creationId xmlns:a16="http://schemas.microsoft.com/office/drawing/2014/main" id="{EB8B2303-ABED-49D0-9154-8350D2CF913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309478" y="2505710"/>
            <a:ext cx="9956800" cy="203200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aa3fc692449c4d9ab1e264e47452a018_Shape">
            <a:extLst>
              <a:ext uri="{FF2B5EF4-FFF2-40B4-BE49-F238E27FC236}">
                <a16:creationId xmlns:a16="http://schemas.microsoft.com/office/drawing/2014/main" id="{A80CD527-E429-450A-985B-2197B43221E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309478" y="2985347"/>
            <a:ext cx="99568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2aee5693acc945d7a93244e5e602daa8_Shape">
            <a:extLst>
              <a:ext uri="{FF2B5EF4-FFF2-40B4-BE49-F238E27FC236}">
                <a16:creationId xmlns:a16="http://schemas.microsoft.com/office/drawing/2014/main" id="{D1912AA6-79D1-4D54-8BE7-552323E96FF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309478" y="3566583"/>
            <a:ext cx="99568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16b6f768d4f04d12b853f90ff4334173_Shape">
            <a:extLst>
              <a:ext uri="{FF2B5EF4-FFF2-40B4-BE49-F238E27FC236}">
                <a16:creationId xmlns:a16="http://schemas.microsoft.com/office/drawing/2014/main" id="{92E37B9F-708F-4FC0-B996-A7CD108FDAC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309478" y="4046220"/>
            <a:ext cx="9956800" cy="2032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SLT_7e6d4cdeed744614b09f163b3f696ddc_Shape">
            <a:extLst>
              <a:ext uri="{FF2B5EF4-FFF2-40B4-BE49-F238E27FC236}">
                <a16:creationId xmlns:a16="http://schemas.microsoft.com/office/drawing/2014/main" id="{66A83920-895F-4A9E-8BEE-ACA78282CA1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309478" y="4525857"/>
            <a:ext cx="9956800" cy="203200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eaf9c0a3fa0e4e90adddc9266b96fb16_Shape">
            <a:extLst>
              <a:ext uri="{FF2B5EF4-FFF2-40B4-BE49-F238E27FC236}">
                <a16:creationId xmlns:a16="http://schemas.microsoft.com/office/drawing/2014/main" id="{D3D9E31A-3F49-4C9E-A65B-36A0D8D3FCF2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309478" y="5005493"/>
            <a:ext cx="99568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10acd3e3f310407abe0feb4cef0058c6_Shape">
            <a:extLst>
              <a:ext uri="{FF2B5EF4-FFF2-40B4-BE49-F238E27FC236}">
                <a16:creationId xmlns:a16="http://schemas.microsoft.com/office/drawing/2014/main" id="{90FD5A39-7ABC-4AE8-86E5-72830B1183B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309478" y="5586730"/>
            <a:ext cx="9956800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b6ed484e93be44ea81d20e344e69ec26_Shape">
            <a:extLst>
              <a:ext uri="{FF2B5EF4-FFF2-40B4-BE49-F238E27FC236}">
                <a16:creationId xmlns:a16="http://schemas.microsoft.com/office/drawing/2014/main" id="{9A5661C1-0E50-4DCA-9537-057397A6FD6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309478" y="6066367"/>
            <a:ext cx="9956800" cy="203200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a59b1d161864498d9134b06f61b841a7_Header">
            <a:extLst>
              <a:ext uri="{FF2B5EF4-FFF2-40B4-BE49-F238E27FC236}">
                <a16:creationId xmlns:a16="http://schemas.microsoft.com/office/drawing/2014/main" id="{EEE950FC-47BB-4BE5-AF8C-5D94AA65CB7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500" y="2155296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Consumer</a:t>
            </a:r>
          </a:p>
        </p:txBody>
      </p:sp>
      <p:sp>
        <p:nvSpPr>
          <p:cNvPr id="26" name="OTLSHAPE_SL_77fd71cb953b4a8d84c86007f44333e0_Header">
            <a:extLst>
              <a:ext uri="{FF2B5EF4-FFF2-40B4-BE49-F238E27FC236}">
                <a16:creationId xmlns:a16="http://schemas.microsoft.com/office/drawing/2014/main" id="{AD6821CD-706E-42A2-98FB-1E499CB0B779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3989388"/>
            <a:ext cx="11303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Small &amp; </a:t>
            </a:r>
            <a:b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edium </a:t>
            </a:r>
            <a:b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Business</a:t>
            </a:r>
          </a:p>
        </p:txBody>
      </p:sp>
      <p:sp>
        <p:nvSpPr>
          <p:cNvPr id="29" name="OTLSHAPE_SL_949fb810703b46b299db3832b5dd3e5e_Header">
            <a:extLst>
              <a:ext uri="{FF2B5EF4-FFF2-40B4-BE49-F238E27FC236}">
                <a16:creationId xmlns:a16="http://schemas.microsoft.com/office/drawing/2014/main" id="{3E20E70F-68AB-44E9-94BC-310B0E40AD81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5715953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Enterpris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48A7FD0-9025-452B-A645-A811C7DDF37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372978" y="783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98F3428-E599-4E6D-9275-73D13546E5B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030414" y="783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6E441FA7-6EE8-419C-AEE5-9131842E00E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687850" y="783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C50AA29-C258-41C9-B486-8C5C64F704B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49827" y="783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5188DE05-AA37-424A-B035-F46050AEE0F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8007262" y="783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55101B1E-8DDA-4147-9AF9-FB115ED1BCF1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664698" y="783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51" name="OTLSHAPE_SLT_660f0e12e7cf47f5a5e3a7bb4eddf317_Title">
            <a:extLst>
              <a:ext uri="{FF2B5EF4-FFF2-40B4-BE49-F238E27FC236}">
                <a16:creationId xmlns:a16="http://schemas.microsoft.com/office/drawing/2014/main" id="{1D048B2A-5D22-4E55-A71F-23F5F68DCDA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1309431" y="157052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Voice</a:t>
            </a:r>
          </a:p>
        </p:txBody>
      </p:sp>
      <p:sp>
        <p:nvSpPr>
          <p:cNvPr id="59" name="OTLSHAPE_SLT_c441ecf5d67d4d6e87236667fc6003f6_Title">
            <a:extLst>
              <a:ext uri="{FF2B5EF4-FFF2-40B4-BE49-F238E27FC236}">
                <a16:creationId xmlns:a16="http://schemas.microsoft.com/office/drawing/2014/main" id="{5EB61FB2-F604-490B-98E5-115AF6CFA5F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1309431" y="2050161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Video</a:t>
            </a:r>
          </a:p>
        </p:txBody>
      </p:sp>
      <p:sp>
        <p:nvSpPr>
          <p:cNvPr id="67" name="OTLSHAPE_SLT_7c438891e0a440498d52f97a7c8c1f13_Title">
            <a:extLst>
              <a:ext uri="{FF2B5EF4-FFF2-40B4-BE49-F238E27FC236}">
                <a16:creationId xmlns:a16="http://schemas.microsoft.com/office/drawing/2014/main" id="{400D674A-9AAC-48F6-86C4-14F7AB9B916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1309431" y="2529798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Data</a:t>
            </a:r>
          </a:p>
        </p:txBody>
      </p:sp>
      <p:sp>
        <p:nvSpPr>
          <p:cNvPr id="75" name="OTLSHAPE_SLT_aa3fc692449c4d9ab1e264e47452a018_Title">
            <a:extLst>
              <a:ext uri="{FF2B5EF4-FFF2-40B4-BE49-F238E27FC236}">
                <a16:creationId xmlns:a16="http://schemas.microsoft.com/office/drawing/2014/main" id="{B75BA7B0-03CB-4F68-A813-B1E91A93E61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309431" y="3009434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ecurity</a:t>
            </a:r>
          </a:p>
        </p:txBody>
      </p:sp>
      <p:sp>
        <p:nvSpPr>
          <p:cNvPr id="86" name="OTLSHAPE_SLT_2aee5693acc945d7a93244e5e602daa8_Title">
            <a:extLst>
              <a:ext uri="{FF2B5EF4-FFF2-40B4-BE49-F238E27FC236}">
                <a16:creationId xmlns:a16="http://schemas.microsoft.com/office/drawing/2014/main" id="{9C4AB9F8-F98F-4026-8151-E28C21BFFE2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1309431" y="359067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>
                <a:solidFill>
                  <a:schemeClr val="dk1"/>
                </a:solidFill>
                <a:latin typeface="Calibri" panose="020F0502020204030204" pitchFamily="34" charset="0"/>
              </a:rPr>
              <a:t>Voice</a:t>
            </a:r>
          </a:p>
        </p:txBody>
      </p:sp>
      <p:sp>
        <p:nvSpPr>
          <p:cNvPr id="94" name="OTLSHAPE_SLT_16b6f768d4f04d12b853f90ff4334173_Title">
            <a:extLst>
              <a:ext uri="{FF2B5EF4-FFF2-40B4-BE49-F238E27FC236}">
                <a16:creationId xmlns:a16="http://schemas.microsoft.com/office/drawing/2014/main" id="{8394FCAA-E853-4A20-A1A6-55E86203BFB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1309431" y="407030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Video</a:t>
            </a:r>
          </a:p>
        </p:txBody>
      </p:sp>
      <p:sp>
        <p:nvSpPr>
          <p:cNvPr id="102" name="OTLSHAPE_SLT_7e6d4cdeed744614b09f163b3f696ddc_Title">
            <a:extLst>
              <a:ext uri="{FF2B5EF4-FFF2-40B4-BE49-F238E27FC236}">
                <a16:creationId xmlns:a16="http://schemas.microsoft.com/office/drawing/2014/main" id="{247D8475-97E5-43C6-AA09-DD09D48C8E3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1309431" y="4549944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Data</a:t>
            </a:r>
          </a:p>
        </p:txBody>
      </p:sp>
      <p:sp>
        <p:nvSpPr>
          <p:cNvPr id="110" name="OTLSHAPE_SLT_eaf9c0a3fa0e4e90adddc9266b96fb16_Title">
            <a:extLst>
              <a:ext uri="{FF2B5EF4-FFF2-40B4-BE49-F238E27FC236}">
                <a16:creationId xmlns:a16="http://schemas.microsoft.com/office/drawing/2014/main" id="{9B4132A6-0BA9-4CC0-A4E7-E729C73AA3B0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1309431" y="502958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ecurity</a:t>
            </a:r>
          </a:p>
        </p:txBody>
      </p:sp>
      <p:sp>
        <p:nvSpPr>
          <p:cNvPr id="121" name="OTLSHAPE_SLT_10acd3e3f310407abe0feb4cef0058c6_Title">
            <a:extLst>
              <a:ext uri="{FF2B5EF4-FFF2-40B4-BE49-F238E27FC236}">
                <a16:creationId xmlns:a16="http://schemas.microsoft.com/office/drawing/2014/main" id="{45086BED-6737-44E2-9C1F-62D0D17A207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1309431" y="561081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>
                <a:solidFill>
                  <a:schemeClr val="dk1"/>
                </a:solidFill>
                <a:latin typeface="Calibri" panose="020F0502020204030204" pitchFamily="34" charset="0"/>
              </a:rPr>
              <a:t>Voice</a:t>
            </a:r>
          </a:p>
        </p:txBody>
      </p:sp>
      <p:sp>
        <p:nvSpPr>
          <p:cNvPr id="129" name="OTLSHAPE_SLT_b6ed484e93be44ea81d20e344e69ec26_Title">
            <a:extLst>
              <a:ext uri="{FF2B5EF4-FFF2-40B4-BE49-F238E27FC236}">
                <a16:creationId xmlns:a16="http://schemas.microsoft.com/office/drawing/2014/main" id="{198A2C9C-8386-4377-8B92-2FB6D11998E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1309431" y="6090454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Data</a:t>
            </a:r>
          </a:p>
        </p:txBody>
      </p:sp>
      <p:cxnSp>
        <p:nvCxnSpPr>
          <p:cNvPr id="140" name="OTLSHAPE_TB_00000000000000000000000000000000_Separator1">
            <a:extLst>
              <a:ext uri="{FF2B5EF4-FFF2-40B4-BE49-F238E27FC236}">
                <a16:creationId xmlns:a16="http://schemas.microsoft.com/office/drawing/2014/main" id="{F0F59E4E-12F2-4498-A937-AF5BF8DF4A59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2966914" y="749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B_00000000000000000000000000000000_Separator2">
            <a:extLst>
              <a:ext uri="{FF2B5EF4-FFF2-40B4-BE49-F238E27FC236}">
                <a16:creationId xmlns:a16="http://schemas.microsoft.com/office/drawing/2014/main" id="{923592CF-FB8F-4630-A9A4-396C23AFA10D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4624350" y="749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B_00000000000000000000000000000000_Separator3">
            <a:extLst>
              <a:ext uri="{FF2B5EF4-FFF2-40B4-BE49-F238E27FC236}">
                <a16:creationId xmlns:a16="http://schemas.microsoft.com/office/drawing/2014/main" id="{8F26EEA5-94DC-4776-B86B-37625624A85B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6286327" y="749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B_00000000000000000000000000000000_Separator4">
            <a:extLst>
              <a:ext uri="{FF2B5EF4-FFF2-40B4-BE49-F238E27FC236}">
                <a16:creationId xmlns:a16="http://schemas.microsoft.com/office/drawing/2014/main" id="{9713D999-6CB6-4B4C-810E-DFAC607AC5A5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7943762" y="749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B_00000000000000000000000000000000_Separator5">
            <a:extLst>
              <a:ext uri="{FF2B5EF4-FFF2-40B4-BE49-F238E27FC236}">
                <a16:creationId xmlns:a16="http://schemas.microsoft.com/office/drawing/2014/main" id="{5D646E7C-CBEE-4C1B-803A-0FFFA54FCA83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9601198" y="749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8" name="OTLSHAPE_SLA_c003043f9b0e445e81bf708f86fd1847_Shape">
            <a:extLst>
              <a:ext uri="{FF2B5EF4-FFF2-40B4-BE49-F238E27FC236}">
                <a16:creationId xmlns:a16="http://schemas.microsoft.com/office/drawing/2014/main" id="{E7B4DF2F-78DE-4966-9254-6FC4BD779CA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653511" y="155913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SLA_c06642887fee45128db07ad29bfdf564_Shape">
            <a:extLst>
              <a:ext uri="{FF2B5EF4-FFF2-40B4-BE49-F238E27FC236}">
                <a16:creationId xmlns:a16="http://schemas.microsoft.com/office/drawing/2014/main" id="{455DC3EE-B736-43DC-AD10-92CFE5ED721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729158" y="155913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OTLSHAPE_SLA_29dd81076cf9426ba59afa3e980cffb3_Shape">
            <a:extLst>
              <a:ext uri="{FF2B5EF4-FFF2-40B4-BE49-F238E27FC236}">
                <a16:creationId xmlns:a16="http://schemas.microsoft.com/office/drawing/2014/main" id="{C3544833-89C2-4E21-A963-50229DE1D8C3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565238" y="155913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A_eeca33b510264fdbb19b8738a00a1523_Shape">
            <a:extLst>
              <a:ext uri="{FF2B5EF4-FFF2-40B4-BE49-F238E27FC236}">
                <a16:creationId xmlns:a16="http://schemas.microsoft.com/office/drawing/2014/main" id="{C6E867A0-762E-4452-8F7D-CC9BF7E5EFB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990090" y="155913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A_fad2401830b54b3c900689e145799d73_Shape">
            <a:extLst>
              <a:ext uri="{FF2B5EF4-FFF2-40B4-BE49-F238E27FC236}">
                <a16:creationId xmlns:a16="http://schemas.microsoft.com/office/drawing/2014/main" id="{21928696-07C5-4D7D-A8F6-E8B55F25E31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324018" y="203877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A_9d2bb36e95524c2e8ab8dba568f8e5a2_Shape">
            <a:extLst>
              <a:ext uri="{FF2B5EF4-FFF2-40B4-BE49-F238E27FC236}">
                <a16:creationId xmlns:a16="http://schemas.microsoft.com/office/drawing/2014/main" id="{0574A74A-92AE-4F47-A9D3-2042A63915F0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477412" y="203877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A_6c533f9526f74299a3c91c63c607ef42_Shape">
            <a:extLst>
              <a:ext uri="{FF2B5EF4-FFF2-40B4-BE49-F238E27FC236}">
                <a16:creationId xmlns:a16="http://schemas.microsoft.com/office/drawing/2014/main" id="{7C7F1060-6F8A-491B-BC2A-78C52E948DC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148471" y="203877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A_86127b6273c24bb990ee08fd59880055_Shape">
            <a:extLst>
              <a:ext uri="{FF2B5EF4-FFF2-40B4-BE49-F238E27FC236}">
                <a16:creationId xmlns:a16="http://schemas.microsoft.com/office/drawing/2014/main" id="{3F0F0FE6-1266-42DB-ADF0-856C95EF83F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287244" y="203877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A_c4cf96dd3faf44eebb8d31aca2b6cc23_Shape">
            <a:extLst>
              <a:ext uri="{FF2B5EF4-FFF2-40B4-BE49-F238E27FC236}">
                <a16:creationId xmlns:a16="http://schemas.microsoft.com/office/drawing/2014/main" id="{F327B8A6-245E-417E-9726-1811F4622EFE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709996" y="251841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SLA_df90bc5f28a44e2f8fea65bc14c6688d_Shape">
            <a:extLst>
              <a:ext uri="{FF2B5EF4-FFF2-40B4-BE49-F238E27FC236}">
                <a16:creationId xmlns:a16="http://schemas.microsoft.com/office/drawing/2014/main" id="{C7CE038A-A6F1-4BAB-B26E-E27BB43A26C4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952214" y="251841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SLA_f1952aff17c84539b080f938a57fb807_Shape">
            <a:extLst>
              <a:ext uri="{FF2B5EF4-FFF2-40B4-BE49-F238E27FC236}">
                <a16:creationId xmlns:a16="http://schemas.microsoft.com/office/drawing/2014/main" id="{8EDEA60F-35EB-44BD-9096-06A432EE567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9643982" y="251841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SLA_f627ff0add1d423f8f4602987cb12320_Shape">
            <a:extLst>
              <a:ext uri="{FF2B5EF4-FFF2-40B4-BE49-F238E27FC236}">
                <a16:creationId xmlns:a16="http://schemas.microsoft.com/office/drawing/2014/main" id="{46C44D4D-7913-435B-A21E-F615017860B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394678" y="299804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0" name="OTLSHAPE_SLA_c46b2a3c3f2d4088ab8a0be488b0463b_Shape">
            <a:extLst>
              <a:ext uri="{FF2B5EF4-FFF2-40B4-BE49-F238E27FC236}">
                <a16:creationId xmlns:a16="http://schemas.microsoft.com/office/drawing/2014/main" id="{49A97C76-2B6E-4095-B13B-0B13B8DC647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902264" y="299804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A_df38d4324e56464fb7ba2965e1937795_Shape">
            <a:extLst>
              <a:ext uri="{FF2B5EF4-FFF2-40B4-BE49-F238E27FC236}">
                <a16:creationId xmlns:a16="http://schemas.microsoft.com/office/drawing/2014/main" id="{C820458C-4FFC-4322-86A3-5900665D6F72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508752" y="299804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SLA_cd37aad872e64d0598139094b77a3b05_Shape">
            <a:extLst>
              <a:ext uri="{FF2B5EF4-FFF2-40B4-BE49-F238E27FC236}">
                <a16:creationId xmlns:a16="http://schemas.microsoft.com/office/drawing/2014/main" id="{8390CD29-3009-403F-951B-CC3749B90583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0107156" y="299804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A_0eb8adfe94db46d9916ec3d275b76f08_Shape">
            <a:extLst>
              <a:ext uri="{FF2B5EF4-FFF2-40B4-BE49-F238E27FC236}">
                <a16:creationId xmlns:a16="http://schemas.microsoft.com/office/drawing/2014/main" id="{CF7D67C1-13C1-4C3B-BF77-ED33A901787A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2142381" y="357928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A_c7e9530804a04095926b09d25a81075c_Shape">
            <a:extLst>
              <a:ext uri="{FF2B5EF4-FFF2-40B4-BE49-F238E27FC236}">
                <a16:creationId xmlns:a16="http://schemas.microsoft.com/office/drawing/2014/main" id="{3CBF0D46-2A2C-4DDD-B2B2-9E25850EBC9B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371973" y="357928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" name="OTLSHAPE_SLA_5b637f55d2304ca5a28eadfd37fe3856_Shape">
            <a:extLst>
              <a:ext uri="{FF2B5EF4-FFF2-40B4-BE49-F238E27FC236}">
                <a16:creationId xmlns:a16="http://schemas.microsoft.com/office/drawing/2014/main" id="{0C94466A-D793-4CC0-9BA4-C17BFA756620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742334" y="357928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" name="OTLSHAPE_SLA_043577b5ae3049678019c38e764b68b5_Shape">
            <a:extLst>
              <a:ext uri="{FF2B5EF4-FFF2-40B4-BE49-F238E27FC236}">
                <a16:creationId xmlns:a16="http://schemas.microsoft.com/office/drawing/2014/main" id="{A289D18A-E680-4FDE-A3DD-8F1096C3F2E5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9671228" y="357928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" name="OTLSHAPE_SLA_ff724971f96e403289801d812dc68d82_Shape">
            <a:extLst>
              <a:ext uri="{FF2B5EF4-FFF2-40B4-BE49-F238E27FC236}">
                <a16:creationId xmlns:a16="http://schemas.microsoft.com/office/drawing/2014/main" id="{5BDFF3B8-5DB9-49BE-9BF7-8F6DF542D95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788189" y="405892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" name="OTLSHAPE_SLA_4da33eebe1e34101a275b64398e6861d_Shape">
            <a:extLst>
              <a:ext uri="{FF2B5EF4-FFF2-40B4-BE49-F238E27FC236}">
                <a16:creationId xmlns:a16="http://schemas.microsoft.com/office/drawing/2014/main" id="{04E6D449-30C9-4CCE-90FB-2DF4BB6A08DA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5189339" y="405892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4" name="OTLSHAPE_SLA_8e6c83b6b99246ddb24bbf0fc4eda3fe_Shape">
            <a:extLst>
              <a:ext uri="{FF2B5EF4-FFF2-40B4-BE49-F238E27FC236}">
                <a16:creationId xmlns:a16="http://schemas.microsoft.com/office/drawing/2014/main" id="{B37AAAA2-AEBA-4588-A4E9-F9FAAB47DD43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8812994" y="405892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5" name="OTLSHAPE_SLA_4f28a94098be4ea2ab5c1f3e07b6cfee_Shape">
            <a:extLst>
              <a:ext uri="{FF2B5EF4-FFF2-40B4-BE49-F238E27FC236}">
                <a16:creationId xmlns:a16="http://schemas.microsoft.com/office/drawing/2014/main" id="{414B3C05-9D11-40BD-9869-86CDE2C809CD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0847326" y="405892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" name="OTLSHAPE_SLA_ac9f4f9101484949b95cdea18f2241f5_Shape">
            <a:extLst>
              <a:ext uri="{FF2B5EF4-FFF2-40B4-BE49-F238E27FC236}">
                <a16:creationId xmlns:a16="http://schemas.microsoft.com/office/drawing/2014/main" id="{4E9486B1-C9AC-436C-8C84-4EBCA8113686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281155" y="453855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" name="OTLSHAPE_SLA_f068f86a25534d448adfe1121bc9d114_Shape">
            <a:extLst>
              <a:ext uri="{FF2B5EF4-FFF2-40B4-BE49-F238E27FC236}">
                <a16:creationId xmlns:a16="http://schemas.microsoft.com/office/drawing/2014/main" id="{72C7F583-2EB4-4B1E-99AF-88C7E9CCA28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413393" y="453855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" name="OTLSHAPE_SLA_17df35487cfd4e4bbab1d82a08c7863b_Shape">
            <a:extLst>
              <a:ext uri="{FF2B5EF4-FFF2-40B4-BE49-F238E27FC236}">
                <a16:creationId xmlns:a16="http://schemas.microsoft.com/office/drawing/2014/main" id="{EB659C35-107A-4004-A92A-194E8B354E7C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9802915" y="453855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" name="OTLSHAPE_SLA_a2fc786ec91e4e80ae3d04685e52b0cf_Shape">
            <a:extLst>
              <a:ext uri="{FF2B5EF4-FFF2-40B4-BE49-F238E27FC236}">
                <a16:creationId xmlns:a16="http://schemas.microsoft.com/office/drawing/2014/main" id="{39DDC023-B991-4D9B-9BB5-45A3DB82E7C1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2678210" y="501819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" name="OTLSHAPE_SLA_c847cc7893904cd2a906669c2106bbc5_Shape">
            <a:extLst>
              <a:ext uri="{FF2B5EF4-FFF2-40B4-BE49-F238E27FC236}">
                <a16:creationId xmlns:a16="http://schemas.microsoft.com/office/drawing/2014/main" id="{7134473E-B6A6-44BC-95AA-8A124B582893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5625267" y="501819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" name="OTLSHAPE_SLA_951923977f7345a1840e830ce3f09710_Shape">
            <a:extLst>
              <a:ext uri="{FF2B5EF4-FFF2-40B4-BE49-F238E27FC236}">
                <a16:creationId xmlns:a16="http://schemas.microsoft.com/office/drawing/2014/main" id="{8408319A-76A3-4DE0-849C-19E5F2BD6205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6833153" y="501819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" name="OTLSHAPE_SLA_500efabb343042a484a4bf8d4a8c755c_Shape">
            <a:extLst>
              <a:ext uri="{FF2B5EF4-FFF2-40B4-BE49-F238E27FC236}">
                <a16:creationId xmlns:a16="http://schemas.microsoft.com/office/drawing/2014/main" id="{5D4F6597-98E0-4933-BC7C-4DC727F239D7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0311498" y="501819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" name="OTLSHAPE_SLA_41fbadead08c46308ac5f7ded20ee788_Shape">
            <a:extLst>
              <a:ext uri="{FF2B5EF4-FFF2-40B4-BE49-F238E27FC236}">
                <a16:creationId xmlns:a16="http://schemas.microsoft.com/office/drawing/2014/main" id="{CDD0BC07-5998-4B4C-9E3D-96DA054A37B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917881" y="559943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" name="OTLSHAPE_SLA_69eb9d045ed2495d8e585f6b45a546ba_Shape">
            <a:extLst>
              <a:ext uri="{FF2B5EF4-FFF2-40B4-BE49-F238E27FC236}">
                <a16:creationId xmlns:a16="http://schemas.microsoft.com/office/drawing/2014/main" id="{93A9F4DB-7914-41EE-8646-5F4007DA68E7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4726165" y="559943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" name="OTLSHAPE_SLA_1b93d74829654e43a41271e4d43585f6_Shape">
            <a:extLst>
              <a:ext uri="{FF2B5EF4-FFF2-40B4-BE49-F238E27FC236}">
                <a16:creationId xmlns:a16="http://schemas.microsoft.com/office/drawing/2014/main" id="{34A6FFA1-D66E-43BB-96A7-02E55FFD59CB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5938591" y="559943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4" name="OTLSHAPE_SLA_54d1469b39d64315bb32030b68e4ccf4_Shape">
            <a:extLst>
              <a:ext uri="{FF2B5EF4-FFF2-40B4-BE49-F238E27FC236}">
                <a16:creationId xmlns:a16="http://schemas.microsoft.com/office/drawing/2014/main" id="{0AE94A17-88D9-4662-BF73-23A0B7803867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7995628" y="559943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7" name="OTLSHAPE_SLA_1703d50dc36843968fb4c6f59e2cbac0_Shape">
            <a:extLst>
              <a:ext uri="{FF2B5EF4-FFF2-40B4-BE49-F238E27FC236}">
                <a16:creationId xmlns:a16="http://schemas.microsoft.com/office/drawing/2014/main" id="{4FB944A5-B9F7-4E58-B8F5-0D4A34D56F40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348822" y="559943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" name="OTLSHAPE_SLA_bf06211c7d394de6b703790e5e79df8b_Shape">
            <a:extLst>
              <a:ext uri="{FF2B5EF4-FFF2-40B4-BE49-F238E27FC236}">
                <a16:creationId xmlns:a16="http://schemas.microsoft.com/office/drawing/2014/main" id="{68B4023F-83B8-4756-9639-95F69CDB894E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9930061" y="559943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" name="OTLSHAPE_SLA_37737c3342ca4343aa9364ace4262b8d_Shape">
            <a:extLst>
              <a:ext uri="{FF2B5EF4-FFF2-40B4-BE49-F238E27FC236}">
                <a16:creationId xmlns:a16="http://schemas.microsoft.com/office/drawing/2014/main" id="{86F8FF85-656A-46EB-956B-BBB9490B4C8F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697371" y="607906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" name="OTLSHAPE_SLA_30d69f26b4d547efb7a3bb5ca4134ea3_Shape">
            <a:extLst>
              <a:ext uri="{FF2B5EF4-FFF2-40B4-BE49-F238E27FC236}">
                <a16:creationId xmlns:a16="http://schemas.microsoft.com/office/drawing/2014/main" id="{219EFF68-76BE-4791-BADF-2BB13F9F29B1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4172173" y="607906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SLA_f440c37c3f104d46842964adaafa4478_Shape">
            <a:extLst>
              <a:ext uri="{FF2B5EF4-FFF2-40B4-BE49-F238E27FC236}">
                <a16:creationId xmlns:a16="http://schemas.microsoft.com/office/drawing/2014/main" id="{6266833E-5D5C-458B-AC18-9949A68C9FA1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912343" y="607906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2" name="OTLSHAPE_SLA_b7bf3fec08004478b4be2752aa4f4548_Shape">
            <a:extLst>
              <a:ext uri="{FF2B5EF4-FFF2-40B4-BE49-F238E27FC236}">
                <a16:creationId xmlns:a16="http://schemas.microsoft.com/office/drawing/2014/main" id="{37441CB8-12DB-403A-BB2D-C1AE8969CC48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6533452" y="607906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5" name="OTLSHAPE_SLA_71b3f782e5854797aca26ee349281684_Shape">
            <a:extLst>
              <a:ext uri="{FF2B5EF4-FFF2-40B4-BE49-F238E27FC236}">
                <a16:creationId xmlns:a16="http://schemas.microsoft.com/office/drawing/2014/main" id="{7FBF7F80-F486-4CE4-98E1-B636A8A1720B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794830" y="6079067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SLA_c06642887fee45128db07ad29bfdf564_Title">
            <a:extLst>
              <a:ext uri="{FF2B5EF4-FFF2-40B4-BE49-F238E27FC236}">
                <a16:creationId xmlns:a16="http://schemas.microsoft.com/office/drawing/2014/main" id="{EEF8C04E-BE1D-4EF2-BE9F-459096F3575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692179" y="1397000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dk1"/>
                </a:solidFill>
                <a:latin typeface="Calibri" panose="020F0502020204030204" pitchFamily="34" charset="0"/>
              </a:rPr>
              <a:t>UP-21</a:t>
            </a:r>
          </a:p>
        </p:txBody>
      </p:sp>
      <p:sp>
        <p:nvSpPr>
          <p:cNvPr id="246" name="OTLSHAPE_SLA_c003043f9b0e445e81bf708f86fd1847_Title">
            <a:extLst>
              <a:ext uri="{FF2B5EF4-FFF2-40B4-BE49-F238E27FC236}">
                <a16:creationId xmlns:a16="http://schemas.microsoft.com/office/drawing/2014/main" id="{4BC6FE14-484C-4848-A185-A459FEA1BB2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636069" y="139700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SJ-19</a:t>
            </a:r>
            <a:endParaRPr lang="en-US" sz="8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SLA_29dd81076cf9426ba59afa3e980cffb3_Title">
            <a:extLst>
              <a:ext uri="{FF2B5EF4-FFF2-40B4-BE49-F238E27FC236}">
                <a16:creationId xmlns:a16="http://schemas.microsoft.com/office/drawing/2014/main" id="{A2C27159-9D9E-49BD-BAEA-865A92978F4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541955" y="1397000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ZL-26</a:t>
            </a:r>
            <a:endParaRPr lang="en-US" sz="8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SLA_eeca33b510264fdbb19b8738a00a1523_Title">
            <a:extLst>
              <a:ext uri="{FF2B5EF4-FFF2-40B4-BE49-F238E27FC236}">
                <a16:creationId xmlns:a16="http://schemas.microsoft.com/office/drawing/2014/main" id="{0CB37AA1-6ADD-4338-83F5-5395D9C1560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997266" y="1397000"/>
            <a:ext cx="165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BI-2</a:t>
            </a:r>
          </a:p>
        </p:txBody>
      </p:sp>
      <p:sp>
        <p:nvSpPr>
          <p:cNvPr id="255" name="OTLSHAPE_SLA_fad2401830b54b3c900689e145799d73_Title">
            <a:extLst>
              <a:ext uri="{FF2B5EF4-FFF2-40B4-BE49-F238E27FC236}">
                <a16:creationId xmlns:a16="http://schemas.microsoft.com/office/drawing/2014/main" id="{F21EEB92-BA37-4784-8509-693CF114940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288077" y="1876637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QY-17</a:t>
            </a:r>
          </a:p>
        </p:txBody>
      </p:sp>
      <p:sp>
        <p:nvSpPr>
          <p:cNvPr id="258" name="OTLSHAPE_SLA_9d2bb36e95524c2e8ab8dba568f8e5a2_Title">
            <a:extLst>
              <a:ext uri="{FF2B5EF4-FFF2-40B4-BE49-F238E27FC236}">
                <a16:creationId xmlns:a16="http://schemas.microsoft.com/office/drawing/2014/main" id="{18DD851B-A05B-42C2-8633-5B22C174E59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451038" y="1876637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JG-10</a:t>
            </a:r>
          </a:p>
        </p:txBody>
      </p:sp>
      <p:sp>
        <p:nvSpPr>
          <p:cNvPr id="261" name="OTLSHAPE_SLA_6c533f9526f74299a3c91c63c607ef42_Title">
            <a:extLst>
              <a:ext uri="{FF2B5EF4-FFF2-40B4-BE49-F238E27FC236}">
                <a16:creationId xmlns:a16="http://schemas.microsoft.com/office/drawing/2014/main" id="{000BF83B-B05A-42FA-AB1B-E5343094573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150672" y="1876637"/>
            <a:ext cx="177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IU-9</a:t>
            </a:r>
          </a:p>
        </p:txBody>
      </p:sp>
      <p:sp>
        <p:nvSpPr>
          <p:cNvPr id="264" name="OTLSHAPE_SLA_86127b6273c24bb990ee08fd59880055_Title">
            <a:extLst>
              <a:ext uri="{FF2B5EF4-FFF2-40B4-BE49-F238E27FC236}">
                <a16:creationId xmlns:a16="http://schemas.microsoft.com/office/drawing/2014/main" id="{A8575C0B-3EFA-4B1D-A8A9-38BB3E606DF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255283" y="1876637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RP-18</a:t>
            </a:r>
          </a:p>
        </p:txBody>
      </p:sp>
      <p:sp>
        <p:nvSpPr>
          <p:cNvPr id="267" name="OTLSHAPE_SLA_c4cf96dd3faf44eebb8d31aca2b6cc23_Title">
            <a:extLst>
              <a:ext uri="{FF2B5EF4-FFF2-40B4-BE49-F238E27FC236}">
                <a16:creationId xmlns:a16="http://schemas.microsoft.com/office/drawing/2014/main" id="{DF47651B-5A77-407A-8A3A-361FD438C92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670055" y="2356273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QB-17</a:t>
            </a:r>
          </a:p>
        </p:txBody>
      </p:sp>
      <p:sp>
        <p:nvSpPr>
          <p:cNvPr id="270" name="OTLSHAPE_SLA_df90bc5f28a44e2f8fea65bc14c6688d_Title">
            <a:extLst>
              <a:ext uri="{FF2B5EF4-FFF2-40B4-BE49-F238E27FC236}">
                <a16:creationId xmlns:a16="http://schemas.microsoft.com/office/drawing/2014/main" id="{C54C4C24-17CD-4C8E-A78C-63829E61E7A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941800" y="2356273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HX-8</a:t>
            </a:r>
          </a:p>
        </p:txBody>
      </p:sp>
      <p:sp>
        <p:nvSpPr>
          <p:cNvPr id="273" name="OTLSHAPE_SLA_f1952aff17c84539b080f938a57fb807_Title">
            <a:extLst>
              <a:ext uri="{FF2B5EF4-FFF2-40B4-BE49-F238E27FC236}">
                <a16:creationId xmlns:a16="http://schemas.microsoft.com/office/drawing/2014/main" id="{D14EB88A-F2DB-452B-BEF7-322FDD6D9E8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620699" y="2356273"/>
            <a:ext cx="228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ZL-28</a:t>
            </a:r>
          </a:p>
        </p:txBody>
      </p:sp>
      <p:sp>
        <p:nvSpPr>
          <p:cNvPr id="276" name="OTLSHAPE_SLA_f627ff0add1d423f8f4602987cb12320_Title">
            <a:extLst>
              <a:ext uri="{FF2B5EF4-FFF2-40B4-BE49-F238E27FC236}">
                <a16:creationId xmlns:a16="http://schemas.microsoft.com/office/drawing/2014/main" id="{6F7EEF17-C646-495F-824B-BCAA70874B5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368791" y="2835910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LK-12</a:t>
            </a:r>
          </a:p>
        </p:txBody>
      </p:sp>
      <p:sp>
        <p:nvSpPr>
          <p:cNvPr id="279" name="OTLSHAPE_SLA_c46b2a3c3f2d4088ab8a0be488b0463b_Title">
            <a:extLst>
              <a:ext uri="{FF2B5EF4-FFF2-40B4-BE49-F238E27FC236}">
                <a16:creationId xmlns:a16="http://schemas.microsoft.com/office/drawing/2014/main" id="{0D73F9B8-D56C-41AB-80FF-0F4A4F29BDE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855930" y="2835910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YM-25</a:t>
            </a:r>
          </a:p>
        </p:txBody>
      </p:sp>
      <p:sp>
        <p:nvSpPr>
          <p:cNvPr id="282" name="OTLSHAPE_SLA_df38d4324e56464fb7ba2965e1937795_Title">
            <a:extLst>
              <a:ext uri="{FF2B5EF4-FFF2-40B4-BE49-F238E27FC236}">
                <a16:creationId xmlns:a16="http://schemas.microsoft.com/office/drawing/2014/main" id="{9C1CE815-C5AB-442B-B45F-A8CDED94141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500518" y="283591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GZ-7</a:t>
            </a:r>
          </a:p>
        </p:txBody>
      </p:sp>
      <p:sp>
        <p:nvSpPr>
          <p:cNvPr id="285" name="OTLSHAPE_SLA_cd37aad872e64d0598139094b77a3b05_Title">
            <a:extLst>
              <a:ext uri="{FF2B5EF4-FFF2-40B4-BE49-F238E27FC236}">
                <a16:creationId xmlns:a16="http://schemas.microsoft.com/office/drawing/2014/main" id="{D1DC1539-904C-48BF-B159-E651BF27DFA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071660" y="2835910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dk1"/>
                </a:solidFill>
                <a:latin typeface="Calibri" panose="020F0502020204030204" pitchFamily="34" charset="0"/>
              </a:rPr>
              <a:t>UY-21</a:t>
            </a:r>
          </a:p>
        </p:txBody>
      </p:sp>
      <p:sp>
        <p:nvSpPr>
          <p:cNvPr id="303" name="OTLSHAPE_SLA_0eb8adfe94db46d9916ec3d275b76f08_Title">
            <a:extLst>
              <a:ext uri="{FF2B5EF4-FFF2-40B4-BE49-F238E27FC236}">
                <a16:creationId xmlns:a16="http://schemas.microsoft.com/office/drawing/2014/main" id="{5B7FA3E6-06A3-48B3-BED0-FEFBE087E16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116558" y="3417147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YS-25</a:t>
            </a:r>
          </a:p>
        </p:txBody>
      </p:sp>
      <p:sp>
        <p:nvSpPr>
          <p:cNvPr id="306" name="OTLSHAPE_SLA_c7e9530804a04095926b09d25a81075c_Title">
            <a:extLst>
              <a:ext uri="{FF2B5EF4-FFF2-40B4-BE49-F238E27FC236}">
                <a16:creationId xmlns:a16="http://schemas.microsoft.com/office/drawing/2014/main" id="{B09FF378-FF2C-48C0-B079-DE66F48A969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325682" y="3417147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SW-19</a:t>
            </a:r>
          </a:p>
        </p:txBody>
      </p:sp>
      <p:sp>
        <p:nvSpPr>
          <p:cNvPr id="309" name="OTLSHAPE_SLA_5b637f55d2304ca5a28eadfd37fe3856_Title">
            <a:extLst>
              <a:ext uri="{FF2B5EF4-FFF2-40B4-BE49-F238E27FC236}">
                <a16:creationId xmlns:a16="http://schemas.microsoft.com/office/drawing/2014/main" id="{4A7D809F-C5F5-446E-963C-2873F570870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730713" y="3417147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HR-8</a:t>
            </a:r>
          </a:p>
        </p:txBody>
      </p:sp>
      <p:sp>
        <p:nvSpPr>
          <p:cNvPr id="312" name="OTLSHAPE_SLA_043577b5ae3049678019c38e764b68b5_Title">
            <a:extLst>
              <a:ext uri="{FF2B5EF4-FFF2-40B4-BE49-F238E27FC236}">
                <a16:creationId xmlns:a16="http://schemas.microsoft.com/office/drawing/2014/main" id="{8500B3D7-2D3D-4A1F-A1B2-C274214B24F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653998" y="3417147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GN-7</a:t>
            </a:r>
          </a:p>
        </p:txBody>
      </p:sp>
      <p:sp>
        <p:nvSpPr>
          <p:cNvPr id="315" name="OTLSHAPE_SLA_ff724971f96e403289801d812dc68d82_Title">
            <a:extLst>
              <a:ext uri="{FF2B5EF4-FFF2-40B4-BE49-F238E27FC236}">
                <a16:creationId xmlns:a16="http://schemas.microsoft.com/office/drawing/2014/main" id="{5AA87646-68C4-4464-9E43-1F8D8A722FF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751021" y="3896783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PN-16</a:t>
            </a:r>
          </a:p>
        </p:txBody>
      </p:sp>
      <p:sp>
        <p:nvSpPr>
          <p:cNvPr id="318" name="OTLSHAPE_SLA_4da33eebe1e34101a275b64398e6861d_Title">
            <a:extLst>
              <a:ext uri="{FF2B5EF4-FFF2-40B4-BE49-F238E27FC236}">
                <a16:creationId xmlns:a16="http://schemas.microsoft.com/office/drawing/2014/main" id="{D751B932-7972-4E12-9121-CF1C6111A2C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181550" y="3896783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GF-7</a:t>
            </a:r>
          </a:p>
        </p:txBody>
      </p:sp>
      <p:sp>
        <p:nvSpPr>
          <p:cNvPr id="321" name="OTLSHAPE_SLA_8e6c83b6b99246ddb24bbf0fc4eda3fe_Title">
            <a:extLst>
              <a:ext uri="{FF2B5EF4-FFF2-40B4-BE49-F238E27FC236}">
                <a16:creationId xmlns:a16="http://schemas.microsoft.com/office/drawing/2014/main" id="{803DBA87-6211-4EB8-AEC0-EB88E0388A5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778026" y="3896783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ZO-26</a:t>
            </a:r>
          </a:p>
        </p:txBody>
      </p:sp>
      <p:sp>
        <p:nvSpPr>
          <p:cNvPr id="324" name="OTLSHAPE_SLA_4f28a94098be4ea2ab5c1f3e07b6cfee_Title">
            <a:extLst>
              <a:ext uri="{FF2B5EF4-FFF2-40B4-BE49-F238E27FC236}">
                <a16:creationId xmlns:a16="http://schemas.microsoft.com/office/drawing/2014/main" id="{5A54D721-9092-4D4C-A22B-78821A8B44D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840256" y="3896783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CR-3</a:t>
            </a:r>
          </a:p>
        </p:txBody>
      </p:sp>
      <p:sp>
        <p:nvSpPr>
          <p:cNvPr id="327" name="OTLSHAPE_SLA_ac9f4f9101484949b95cdea18f2241f5_Title">
            <a:extLst>
              <a:ext uri="{FF2B5EF4-FFF2-40B4-BE49-F238E27FC236}">
                <a16:creationId xmlns:a16="http://schemas.microsoft.com/office/drawing/2014/main" id="{E04ABC0B-2724-470D-AE8C-7AEC10A8D01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246611" y="4376420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H-20</a:t>
            </a:r>
          </a:p>
        </p:txBody>
      </p:sp>
      <p:sp>
        <p:nvSpPr>
          <p:cNvPr id="330" name="OTLSHAPE_SLA_f068f86a25534d448adfe1121bc9d114_Title">
            <a:extLst>
              <a:ext uri="{FF2B5EF4-FFF2-40B4-BE49-F238E27FC236}">
                <a16:creationId xmlns:a16="http://schemas.microsoft.com/office/drawing/2014/main" id="{3B5B0590-C2D6-4AA6-A2D8-FB98B68A05B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401095" y="437642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DA-4</a:t>
            </a:r>
          </a:p>
        </p:txBody>
      </p:sp>
      <p:sp>
        <p:nvSpPr>
          <p:cNvPr id="333" name="OTLSHAPE_SLA_17df35487cfd4e4bbab1d82a08c7863b_Title">
            <a:extLst>
              <a:ext uri="{FF2B5EF4-FFF2-40B4-BE49-F238E27FC236}">
                <a16:creationId xmlns:a16="http://schemas.microsoft.com/office/drawing/2014/main" id="{EE023379-52DE-4798-980C-71AD34FEE05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788330" y="437642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AN-1</a:t>
            </a:r>
          </a:p>
        </p:txBody>
      </p:sp>
      <p:sp>
        <p:nvSpPr>
          <p:cNvPr id="336" name="OTLSHAPE_SLA_a2fc786ec91e4e80ae3d04685e52b0cf_Title">
            <a:extLst>
              <a:ext uri="{FF2B5EF4-FFF2-40B4-BE49-F238E27FC236}">
                <a16:creationId xmlns:a16="http://schemas.microsoft.com/office/drawing/2014/main" id="{08632A42-1825-4186-91CC-5AE80ABDEDA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2667923" y="4856057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HP-8</a:t>
            </a:r>
          </a:p>
        </p:txBody>
      </p:sp>
      <p:sp>
        <p:nvSpPr>
          <p:cNvPr id="339" name="OTLSHAPE_SLA_c847cc7893904cd2a906669c2106bbc5_Title">
            <a:extLst>
              <a:ext uri="{FF2B5EF4-FFF2-40B4-BE49-F238E27FC236}">
                <a16:creationId xmlns:a16="http://schemas.microsoft.com/office/drawing/2014/main" id="{3A791DA7-0415-4132-8369-D13D5BD6AFD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585749" y="4856057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JW-10</a:t>
            </a:r>
          </a:p>
        </p:txBody>
      </p:sp>
      <p:sp>
        <p:nvSpPr>
          <p:cNvPr id="342" name="OTLSHAPE_SLA_951923977f7345a1840e830ce3f09710_Title">
            <a:extLst>
              <a:ext uri="{FF2B5EF4-FFF2-40B4-BE49-F238E27FC236}">
                <a16:creationId xmlns:a16="http://schemas.microsoft.com/office/drawing/2014/main" id="{48178070-157F-4026-A672-3B5DD8D6D21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801381" y="4856057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VE-22</a:t>
            </a:r>
          </a:p>
        </p:txBody>
      </p:sp>
      <p:sp>
        <p:nvSpPr>
          <p:cNvPr id="345" name="OTLSHAPE_SLA_500efabb343042a484a4bf8d4a8c755c_Title">
            <a:extLst>
              <a:ext uri="{FF2B5EF4-FFF2-40B4-BE49-F238E27FC236}">
                <a16:creationId xmlns:a16="http://schemas.microsoft.com/office/drawing/2014/main" id="{4443C796-35A0-4FED-ADA0-8EAE8F92F54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282563" y="4856057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C-20</a:t>
            </a:r>
          </a:p>
        </p:txBody>
      </p:sp>
      <p:sp>
        <p:nvSpPr>
          <p:cNvPr id="363" name="OTLSHAPE_SLA_41fbadead08c46308ac5f7ded20ee788_Title">
            <a:extLst>
              <a:ext uri="{FF2B5EF4-FFF2-40B4-BE49-F238E27FC236}">
                <a16:creationId xmlns:a16="http://schemas.microsoft.com/office/drawing/2014/main" id="{3C3EA4BB-5EF5-4CDE-8F6D-BC3CA209917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3869791" y="5437293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WT-10</a:t>
            </a:r>
          </a:p>
        </p:txBody>
      </p:sp>
      <p:sp>
        <p:nvSpPr>
          <p:cNvPr id="366" name="OTLSHAPE_SLA_69eb9d045ed2495d8e585f6b45a546ba_Title">
            <a:extLst>
              <a:ext uri="{FF2B5EF4-FFF2-40B4-BE49-F238E27FC236}">
                <a16:creationId xmlns:a16="http://schemas.microsoft.com/office/drawing/2014/main" id="{219C7202-0287-4B57-8CAD-277BB385CB5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4697844" y="5437293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KZ-11</a:t>
            </a:r>
          </a:p>
        </p:txBody>
      </p:sp>
      <p:sp>
        <p:nvSpPr>
          <p:cNvPr id="369" name="OTLSHAPE_SLA_1b93d74829654e43a41271e4d43585f6_Title">
            <a:extLst>
              <a:ext uri="{FF2B5EF4-FFF2-40B4-BE49-F238E27FC236}">
                <a16:creationId xmlns:a16="http://schemas.microsoft.com/office/drawing/2014/main" id="{61C1BBF3-DFBE-4750-8ADD-C085C32F238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901867" y="5437293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XO-24</a:t>
            </a:r>
          </a:p>
        </p:txBody>
      </p:sp>
      <p:sp>
        <p:nvSpPr>
          <p:cNvPr id="372" name="OTLSHAPE_SLA_54d1469b39d64315bb32030b68e4ccf4_Title">
            <a:extLst>
              <a:ext uri="{FF2B5EF4-FFF2-40B4-BE49-F238E27FC236}">
                <a16:creationId xmlns:a16="http://schemas.microsoft.com/office/drawing/2014/main" id="{6759D303-A52B-4C6D-8103-5CBCA727C7A4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956766" y="5437293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OC-15</a:t>
            </a:r>
          </a:p>
        </p:txBody>
      </p:sp>
      <p:sp>
        <p:nvSpPr>
          <p:cNvPr id="375" name="OTLSHAPE_SLA_1703d50dc36843968fb4c6f59e2cbac0_Title">
            <a:extLst>
              <a:ext uri="{FF2B5EF4-FFF2-40B4-BE49-F238E27FC236}">
                <a16:creationId xmlns:a16="http://schemas.microsoft.com/office/drawing/2014/main" id="{A428D2EA-7A03-41D5-B757-2F16B25AC92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9331508" y="5437293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IX-13</a:t>
            </a:r>
          </a:p>
        </p:txBody>
      </p:sp>
      <p:sp>
        <p:nvSpPr>
          <p:cNvPr id="378" name="OTLSHAPE_SLA_bf06211c7d394de6b703790e5e79df8b_Title">
            <a:extLst>
              <a:ext uri="{FF2B5EF4-FFF2-40B4-BE49-F238E27FC236}">
                <a16:creationId xmlns:a16="http://schemas.microsoft.com/office/drawing/2014/main" id="{C8589A92-6D55-4BF9-9810-D786A15EE0E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9885695" y="5437293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UO-21</a:t>
            </a:r>
          </a:p>
        </p:txBody>
      </p:sp>
      <p:sp>
        <p:nvSpPr>
          <p:cNvPr id="381" name="OTLSHAPE_SLA_37737c3342ca4343aa9364ace4262b8d_Title">
            <a:extLst>
              <a:ext uri="{FF2B5EF4-FFF2-40B4-BE49-F238E27FC236}">
                <a16:creationId xmlns:a16="http://schemas.microsoft.com/office/drawing/2014/main" id="{6AE533F5-DD02-42D0-B759-0692F94C9D9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661684" y="5916930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N-20</a:t>
            </a:r>
          </a:p>
        </p:txBody>
      </p:sp>
      <p:sp>
        <p:nvSpPr>
          <p:cNvPr id="384" name="OTLSHAPE_SLA_30d69f26b4d547efb7a3bb5ca4134ea3_Title">
            <a:extLst>
              <a:ext uri="{FF2B5EF4-FFF2-40B4-BE49-F238E27FC236}">
                <a16:creationId xmlns:a16="http://schemas.microsoft.com/office/drawing/2014/main" id="{1324FF5D-FBAB-43BA-B732-4A0111517E1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4133946" y="5916930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VD-22</a:t>
            </a:r>
          </a:p>
        </p:txBody>
      </p:sp>
      <p:sp>
        <p:nvSpPr>
          <p:cNvPr id="387" name="OTLSHAPE_SLA_f440c37c3f104d46842964adaafa4478_Title">
            <a:extLst>
              <a:ext uri="{FF2B5EF4-FFF2-40B4-BE49-F238E27FC236}">
                <a16:creationId xmlns:a16="http://schemas.microsoft.com/office/drawing/2014/main" id="{C6BB66CE-0133-45FB-B43D-B812BAC7825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882329" y="5916930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MQ-9</a:t>
            </a:r>
          </a:p>
        </p:txBody>
      </p:sp>
      <p:sp>
        <p:nvSpPr>
          <p:cNvPr id="390" name="OTLSHAPE_SLA_b7bf3fec08004478b4be2752aa4f4548_Title">
            <a:extLst>
              <a:ext uri="{FF2B5EF4-FFF2-40B4-BE49-F238E27FC236}">
                <a16:creationId xmlns:a16="http://schemas.microsoft.com/office/drawing/2014/main" id="{9EA9150B-BCE9-46BB-8D2D-88BE546AB16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6498908" y="5916930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VR-22</a:t>
            </a:r>
          </a:p>
        </p:txBody>
      </p:sp>
      <p:sp>
        <p:nvSpPr>
          <p:cNvPr id="393" name="OTLSHAPE_SLA_71b3f782e5854797aca26ee349281684_Title">
            <a:extLst>
              <a:ext uri="{FF2B5EF4-FFF2-40B4-BE49-F238E27FC236}">
                <a16:creationId xmlns:a16="http://schemas.microsoft.com/office/drawing/2014/main" id="{D26B975C-8CAD-4745-9041-195629CE919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755418" y="5916930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QC-17</a:t>
            </a:r>
          </a:p>
        </p:txBody>
      </p:sp>
      <p:grpSp>
        <p:nvGrpSpPr>
          <p:cNvPr id="245" name="Group 244">
            <a:extLst>
              <a:ext uri="{FF2B5EF4-FFF2-40B4-BE49-F238E27FC236}">
                <a16:creationId xmlns:a16="http://schemas.microsoft.com/office/drawing/2014/main" id="{3367A593-74BE-4A32-93AB-84B45103EBB9}"/>
              </a:ext>
            </a:extLst>
          </p:cNvPr>
          <p:cNvGrpSpPr/>
          <p:nvPr/>
        </p:nvGrpSpPr>
        <p:grpSpPr>
          <a:xfrm>
            <a:off x="11839806" y="4070308"/>
            <a:ext cx="276999" cy="2332381"/>
            <a:chOff x="11446296" y="4100169"/>
            <a:chExt cx="276999" cy="2332381"/>
          </a:xfrm>
        </p:grpSpPr>
        <p:pic>
          <p:nvPicPr>
            <p:cNvPr id="248" name="Picture 247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80ECDE86-C394-4B92-8610-D3B8563A9D7B}"/>
                </a:ext>
              </a:extLst>
            </p:cNvPr>
            <p:cNvPicPr>
              <a:picLocks noChangeAspect="1"/>
            </p:cNvPicPr>
            <p:nvPr/>
          </p:nvPicPr>
          <p:blipFill>
            <a:blip r:embed="rId13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51" name="TextBox 250">
              <a:extLst>
                <a:ext uri="{FF2B5EF4-FFF2-40B4-BE49-F238E27FC236}">
                  <a16:creationId xmlns:a16="http://schemas.microsoft.com/office/drawing/2014/main" id="{810A0E98-3211-400A-9AE8-6896240EAB46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4" name="Rectangle 3">
            <a:extLst>
              <a:ext uri="{FF2B5EF4-FFF2-40B4-BE49-F238E27FC236}">
                <a16:creationId xmlns:a16="http://schemas.microsoft.com/office/drawing/2014/main" id="{890C89B9-816B-4C0F-A03D-EDE17AA08CF0}"/>
              </a:ext>
            </a:extLst>
          </p:cNvPr>
          <p:cNvSpPr/>
          <p:nvPr/>
        </p:nvSpPr>
        <p:spPr>
          <a:xfrm>
            <a:off x="2966914" y="685800"/>
            <a:ext cx="1660900" cy="5621866"/>
          </a:xfrm>
          <a:prstGeom prst="rect">
            <a:avLst/>
          </a:prstGeom>
          <a:solidFill>
            <a:srgbClr val="D0CECE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TextBox 253">
            <a:extLst>
              <a:ext uri="{FF2B5EF4-FFF2-40B4-BE49-F238E27FC236}">
                <a16:creationId xmlns:a16="http://schemas.microsoft.com/office/drawing/2014/main" id="{E97FEFAE-4F03-4B35-8077-92107CD0DF20}"/>
              </a:ext>
            </a:extLst>
          </p:cNvPr>
          <p:cNvSpPr txBox="1"/>
          <p:nvPr/>
        </p:nvSpPr>
        <p:spPr>
          <a:xfrm>
            <a:off x="1218069" y="174402"/>
            <a:ext cx="624697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Telecom Product 5-year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616630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hhOTU2MDBhLTg2ZmMtNGRlMC1hNjEyLWEwYmQzYzI4MjU1Mi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Y4LCJHIjo4NCwiQiI6MTA2fX0sIklzVmlzaWJsZSI6dHJ1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jEiLCJNYXJnaW4iOnsiJGlkIjoiNjIiLCJUb3AiOjAuMCwiTGVmdCI6NC4wLCJSaWdodCI6NC4wLCJCb3R0b20iOjAuMH0sIlBhZGRpbmciOnsiJGlkIjoiNjMiLCJUb3AiOjAuMCwiTGVmdCI6MC4wLCJSaWdodCI6MC4wLCJCb3R0b20iOjAuMH0sIkJhY2tncm91bmQiOnsiJGlkIjoiNjQiLCJDb2xvciI6eyIkaWQiOiI2NSIsIkEiOjI1NSwiUiI6OTEsIkciOjE1NSwiQiI6MjEzfX0sIklzVmlzaWJsZSI6dHJ1ZSwiV2lkdGgiOjAuMCwiSGVpZ2h0IjoxNi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gsIkZvbnROYW1lIjoiQ2FsaWJyaSIsIklzQm9sZCI6ZmFsc2UsIklzSXRhbGljIjpmYWxzZSwiSXNVbmRlcmxpbmVkIjpmYWxzZSwiUGFyZW50U3R5bGUiOm51bGx9LCJBdXRvU2l6ZSI6MCwiRm9yZWdyb3VuZCI6eyIkaWQiOiI3MSIsIkNvbG9yIjp7IiRpZCI6IjcyIiwiQSI6MjU1LCJSIjoyNTUsIkciOjI1NSwiQiI6MjU1fX0sIk1heFdpZHRoIjo1MjMuNjM2MzYzNjM2MzYzNjM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IiwiVG9wIjowLjAsIkxlZnQiOjAuMCwiUmlnaHQiOjAuMCwiQm90dG9tIjowLjB9LCJQYWRkaW5nIjp7IiRpZCI6IjgzIiwiVG9wIjowLjAsIkxlZnQiOjAuMCwiUmlnaHQiOjAuMCwiQm90dG9tIjowLjB9LCJCYWNrZ3JvdW5kIjp7IiRpZCI6Ijg0IiwiQ29sb3IiOnsiJGlkIjoiODUiLCJBIjowLCJSIjoyNTUsIkciOjI1NSwiQiI6MjU1fX0sIklzVmlzaWJsZSI6dHJ1ZSwiV2lkdGgiOjAuMCwiSGVpZ2h0IjowLjAsIkJvcmRlclN0eWxlIjp7IiRpZCI6Ijg2IiwiTGluZUNvbG9yIjpudWxsLCJMaW5lV2VpZ2h0IjowLjAsIkxpbmVUeXBlIjowLCJQYXJlbnRTdHlsZSI6bnVsbH0sIlBhcmVudFN0eWxlIjpudWxsfSwiRGF0ZUZvcm1hdCI6eyIkaWQiOiI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E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yZWYiOiI0MyJ9LCJJc1Zpc2libGUiOnRydWUsIldpZHRoIjowLjAsIkhlaWdodCI6MC4wLCJCb3JkZXJTdHlsZSI6eyIkaWQiOiI5OCIsIkxpbmVDb2xvciI6bnVsbCwiTGluZVdlaWdodCI6MC4wLCJMaW5lVHlwZSI6MCwiUGFyZW50U3R5bGUiOm51bGx9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MCwiUiI6MjU1LCJHIjoyNTUsIkIiOjI1NX19LCJJc1Zpc2libGUiOnRydWUsIldpZHRoIjowLjAsIkhlaWdodCI6MC4wLCJCb3JkZXJTdHlsZSI6eyIkaWQiOiIxMzkiLCJMaW5lQ29sb3IiOm51bGwsIkxpbmVXZWlnaHQiOjAuMCwiTGluZVR5cGUiOjAsIlBhcmVudFN0eWxlIjpudWxsfSwiUGFyZW50U3R5bGUiOm51bGx9LCJEYXRlRm9ybWF0Ijp7IiRpZCI6IjE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cmVmIjoiNDMifSwiSXNWaXNpYmxlIjp0cnVlLCJXaWR0aCI6MC4wLCJIZWlnaHQiOjAuMCwiQm9yZGVyU3R5bGUiOnsiJGlkIjoiMTUxIiwiTGluZUNvbG9yIjpudWxsLCJMaW5lV2VpZ2h0IjowLjAsIkxpbmVUeXBlIjowLCJQYXJlbnRTdHlsZSI6bnVsbH0sIlBhcmVudFN0eWxlIjpudWxsfSwiRHVyYXRpb25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ZmFsc2UsIldpZHRoIjowLjAsIkhlaWdodCI6MC4wLCJCb3JkZXJTdHlsZSI6bnVsbCwiUGFyZW50U3R5bGUiOm51bGx9LCJEYXRlRm9ybWF0Ijp7IiRpZCI6IjI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GlkIjoiMjU1IiwiVG9wIjowLjAsIkxlZnQiOjAuMCwiUmlnaHQiOjAuMCwiQm90dG9tIjowLjB9LCJQYWRkaW5nIjp7IiRpZCI6IjI1NiIsIlRvcCI6MC4wLCJMZWZ0IjowLjAsIlJpZ2h0IjowLjAsIkJvdHRvbSI6MC4wfSwiQmFja2dyb3VuZCI6eyIkcmVmIjoiNDMi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ZmFsc2UsIklzVW5kZXJsaW5lZCI6ZmFsc2UsIlBhcmVudFN0eWxlIjpudWxsfSwiQXV0b1NpemUiOjAsIkZvcmVncm91bmQiOnsiJGlkIjoiMjYwIiwiQ29sb3IiOnsiJGlkIjoiMjY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jczIiwiTWFyZ2luIjp7IiRpZCI6IjI3NCIsIlRvcCI6MC4wLCJMZWZ0Ijo0LjAsIlJpZ2h0Ijo0LjAsIkJvdHRvbSI6MC4wfSwiUGFkZGluZyI6eyIkaWQiOiIyNzUiLCJUb3AiOjAuMCwiTGVmdCI6MC4wLCJSaWdodCI6MC4wLCJCb3R0b20iOjAuMH0sIkJhY2tncm91bmQiOnsiJGlkIjoiMjc2IiwiQ29sb3IiOnsiJGlkIjoiMjc3IiwiQSI6MjU1LCJSIjoyMzcsIkciOjEyNSwiQiI6NDl9fSwiSXNWaXNpYmxlIjp0cnVlLCJXaWR0aCI6MC4wLCJIZWlnaHQiOjE2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aWQiOiIyOTIiLCJDb2xvciI6eyIkaWQiOiIy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NCIsIlRvcCI6MC4wLCJMZWZ0IjowLjAsIlJpZ2h0IjowLjAsIkJvdHRvbSI6MC4wfSwiUGFkZGluZyI6eyIkaWQiOiIyOTUiLCJUb3AiOjAuMCwiTGVmdCI6MC4wLCJSaWdodCI6MC4wLCJCb3R0b20iOjAuMH0sIkJhY2tncm91bmQiOnsiJGlkIjoiMjk2IiwiQ29sb3IiOnsiJHJlZiI6IjI2NSJ9fSwiSXNWaXNpYmxlIjp0cnVlLCJXaWR0aCI6MC4wLCJIZWlnaHQiOjAuMCwiQm9yZGVyU3R5bGUiOnsiJGlkIjoiMjk3IiwiTGluZUNvbG9yIjpudWxsLCJMaW5lV2VpZ2h0IjowLjAsIkxpbmVUeXBlIjowLCJQYXJlbnRTdHlsZSI6bnVsbH0sIlBhcmVudFN0eWxlIjpudWxsfSwiRGF0ZUZvcm1hdCI6eyIkaWQiOiIy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I2NCJ9LCJJc1Zpc2libGUiOnRydWUsIldpZHRoIjowLjAsIkhlaWdodCI6MC4wLCJCb3JkZXJTdHlsZSI6eyIkaWQiOiIzMTAiLCJMaW5lQ29sb3IiOm51bGwsIkxpbmVXZWlnaHQiOjAuMCwiTGluZVR5cGUiOjAsIlBhcmVudFN0eWxlIjpudWxsfSwiUGFyZW50U3R5bGUiOm51bGx9LCJIb3Jpem9udGFsQ29ubmVjdG9yU3R5bGUiOnsiJGlkIjoiMzExIiwiTGluZUNvbG9yIjp7IiRyZWYiOiIyNjgifSwiTGluZVdlaWdodCI6MS4wLCJMaW5lVHlwZSI6MCwiUGFyZW50U3R5bGUiOm51bGx9LCJWZXJ0aWNhbENvbm5lY3RvclN0eWxlIjp7IiRpZCI6IjMxMiIsIkxpbmVDb2xvciI6eyIkcmVmIjoiMjcx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HJlZiI6IjI1NSJ9LCJQYWRkaW5nIjp7IiRyZWYiOiIyNTYifSwiQmFja2dyb3VuZCI6eyIkcmVmIjoiNDMifSwiSXNWaXNpYmxlIjp0cnVlLCJXaWR0aCI6MC4wLCJIZWlnaHQiOjAuMCwiQm9yZGVyU3R5bGUiOnsiJGlkIjoiMzM1IiwiTGluZUNvbG9yIjpudWxsLCJMaW5lV2VpZ2h0IjowLjAsIkxpbmVUeXBlIjowLCJQYXJlbnRTdHlsZSI6bnVsbH0sIlBhcmVudFN0eWxlIjpudWxsfSwiRHVyYXRpb25TdHlsZSI6eyIkaWQiOiIzMzYiLCJGb250U2V0dGluZ3MiOnsiJGlkIjoiMzM3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nsiJGlkIjoiMzM4IiwiTGluZUNvbG9yIjpudWxsLCJMaW5lV2VpZ2h0IjowLjAsIkxpbmVUeXBlIjowLCJQYXJlbnRTdHlsZSI6bnVsbH0sIlBhcmVudFN0eWxlIjpudWxsfSwiSG9yaXpvbnRhbENvbm5lY3RvclN0eWxlIjp7IiRpZCI6IjMzOSIsIkxpbmVDb2xvciI6eyIkcmVmIjoiMjY4In0sIkxpbmVXZWlnaHQiOjEuMCwiTGluZVR5cGUiOjAsIlBhcmVudFN0eWxlIjpudWxsfSwiVmVydGljYWxDb25uZWN0b3JTdHlsZSI6eyIkaWQiOiIzNDAiLCJMaW5lQ29sb3IiOnsiJHJlZiI6IjI3M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EwIn0sIlBhZGRpbmciOnsiJHJlZiI6IjIxMSJ9LCJCYWNrZ3JvdW5kIjp7IiRpZCI6IjM2OCIsIkNvbG9yIjp7IiRpZCI6IjM2OSIsIkEiOjAsIlIiOjI1NSwiRyI6MjU1LCJCIjoyNTV9fSwiSXNWaXNpYmxlIjp0cnVlLCJXaWR0aCI6MC4wLCJIZWlnaHQiOjAuMCwiQm9yZGVyU3R5bGUiOm51bGw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I2NCJ9LCJJc1Zpc2libGUiOnRydWUsIldpZHRoIjowLjAsIkhlaWdodCI6MC4wLCJCb3JkZXJTdHlsZSI6eyIkaWQiOiI0MTEiLCJMaW5lQ29sb3IiOm51bGwsIkxpbmVXZWlnaHQiOjAuMCwiTGluZVR5cGUiOjAsIlBhcmVudFN0eWxlIjpudWxsfSwiUGFyZW50U3R5bGUiOm51bGx9LCJIb3Jpem9udGFsQ29ubmVjdG9yU3R5bGUiOnsiJGlkIjoiNDEyIiwiTGluZUNvbG9yIjp7IiRyZWYiOiIyNjgifSwiTGluZVdlaWdodCI6MS4wLCJMaW5lVHlwZSI6MCwiUGFyZW50U3R5bGUiOm51bGx9LCJWZXJ0aWNhbENvbm5lY3RvclN0eWxlIjp7IiRpZCI6IjQxMyIsIkxpbmVDb2xvciI6eyIkcmVmIjoiMjcx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HJlZiI6IjI1NSJ9LCJQYWRkaW5nIjp7IiRyZWYiOiIyNTYifSwiQmFja2dyb3VuZCI6eyIkcmVmIjoiNDMifSwiSXNWaXNpYmxlIjp0cnVlLCJXaWR0aCI6MC4wLCJIZWlnaHQiOjAuMCwiQm9yZGVyU3R5bGUiOnsiJGlkIjoiNDY0IiwiTGluZUNvbG9yIjpudWxsLCJMaW5lV2VpZ2h0IjowLjAsIkxpbmVUeXBlIjowLCJQYXJlbnRTdHlsZSI6bnVsbH0sIlBhcmVudFN0eWxlIjpudWxsfSwiRHVyYXRpb25TdHlsZSI6eyIkaWQiOiI0NjUiLCJGb250U2V0dGluZ3MiOnsiJGlkIjoiNDY2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nsiJGlkIjoiNDY3IiwiTGluZUNvbG9yIjpudWxsLCJMaW5lV2VpZ2h0IjowLjAsIkxpbmVUeXBlIjowLCJQYXJlbnRTdHlsZSI6bnVsbH0sIlBhcmVudFN0eWxlIjpudWxsfSwiSG9yaXpvbnRhbENvbm5lY3RvclN0eWxlIjp7IiRpZCI6IjQ2OCIsIkxpbmVDb2xvciI6eyIkcmVmIjoiMjY4In0sIkxpbmVXZWlnaHQiOjEuMCwiTGluZVR5cGUiOjAsIlBhcmVudFN0eWxlIjpudWxsfSwiVmVydGljYWxDb25uZWN0b3JTdHlsZSI6eyIkaWQiOiI0NjkiLCJMaW5lQ29sb3IiOnsiJHJlZiI6IjI3MS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yZWYiOiI0MyJ9LCJJc1Zpc2libGUiOnRydWUsIldpZHRoIjowLjAsIkhlaWdodCI6MC4wLCJCb3JkZXJTdHlsZSI6eyIkaWQiOiI1MzciLCJMaW5lQ29sb3IiOm51bGwsIkxpbmVXZWlnaHQiOjAuMCwiTGluZVR5cGUiOjAsIlBhcmVudFN0eWxlIjpudWxsfSwiUGFyZW50U3R5bGUiOm51bGx9LCJEdXJhdGlvblN0eWxlIjp7IiRpZCI6IjUzOCIsIkZvbnRTZXR0aW5ncyI6eyIkaWQiOiI1MzkiLCJGb250U2l6ZSI6MTAsIkZvbnROYW1lIjoiQ2FsaWJyaSIsIklzQm9sZCI6ZmFsc2UsIklzSXRhbGljIjpmYWxzZSwiSXNVbmRlcmxpbmVkIjpmYWxzZSwiUGFyZW50U3R5bGUiOm51bGx9LCJBdXRvU2l6ZSI6MCwiRm9yZWdyb3VuZCI6eyIkcmVmIjoiMjYwIn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I2NCJ9LCJJc1Zpc2libGUiOnRydWUsIldpZHRoIjowLjAsIkhlaWdodCI6MC4wLCJCb3JkZXJTdHlsZSI6eyIkaWQiOiI1NDAiLCJMaW5lQ29sb3IiOm51bGwsIkxpbmVXZWlnaHQiOjAuMCwiTGluZVR5cGUiOjAsIlBhcmVudFN0eWxlIjpudWxsfSwiUGFyZW50U3R5bGUiOm51bGx9LCJIb3Jpem9udGFsQ29ubmVjdG9yU3R5bGUiOnsiJGlkIjoiNTQxIiwiTGluZUNvbG9yIjp7IiRyZWYiOiIyNjgifSwiTGluZVdlaWdodCI6MS4wLCJMaW5lVHlwZSI6MCwiUGFyZW50U3R5bGUiOm51bGx9LCJWZXJ0aWNhbENvbm5lY3RvclN0eWxlIjp7IiRpZCI6IjU0MiIsIkxpbmVDb2xvciI6eyIkcmVmIjoiMjcx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HJlZiI6IjI1NSJ9LCJQYWRkaW5nIjp7IiRyZWYiOiIyNTYifSwiQmFja2dyb3VuZCI6eyIkcmVmIjoiNDM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nsiJGlkIjoiNTY4IiwiTGluZUNvbG9yIjpudWxsLCJMaW5lV2VpZ2h0IjowLjAsIkxpbmVUeXBlIjowLCJQYXJlbnRTdHlsZSI6bnVsbH0sIlBhcmVudFN0eWxlIjpudWxsfSwiSG9yaXpvbnRhbENvbm5lY3RvclN0eWxlIjp7IiRpZCI6IjU2OSIsIkxpbmVDb2xvciI6eyIkcmVmIjoiMjY4In0sIkxpbmVXZWlnaHQiOjEuMCwiTGluZVR5cGUiOjAsIlBhcmVudFN0eWxlIjpudWxsfSwiVmVydGljYWxDb25uZWN0b3JTdHlsZSI6eyIkaWQiOiI1NzAiLCJMaW5lQ29sb3IiOnsiJHJlZiI6IjI3M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yZWYiOiI0MyJ9LCJJc1Zpc2libGUiOnRydWUsIldpZHRoIjowLjAsIkhlaWdodCI6MC4wLCJCb3JkZXJTdHlsZSI6eyIkaWQiOiI1OTMiLCJMaW5lQ29sb3IiOm51bGwsIkxpbmVXZWlnaHQiOjAuMCwiTGluZVR5cGUiOjAsIlBhcmVudFN0eWxlIjpudWxsfSwiUGFyZW50U3R5bGUiOm51bGx9LCJEdXJhdGlvblN0eWxlIjp7IiRpZCI6IjU5NCIsIkZvbnRTZXR0aW5ncyI6eyIkaWQiOiI1OTUiLCJGb250U2l6ZSI6MTAsIkZvbnROYW1lIjoiQ2FsaWJyaSIsIklzQm9sZCI6ZmFsc2UsIklzSXRhbGljIjpmYWxzZSwiSXNVbmRlcmxpbmVkIjpmYWxzZSwiUGFyZW50U3R5bGUiOm51bGx9LCJBdXRvU2l6ZSI6MCwiRm9yZWdyb3VuZCI6eyIkcmVmIjoiMjYwIn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I2NCJ9LCJJc1Zpc2libGUiOnRydWUsIldpZHRoIjowLjAsIkhlaWdodCI6MC4wLCJCb3JkZXJTdHlsZSI6eyIkaWQiOiI1OTYiLCJMaW5lQ29sb3IiOm51bGwsIkxpbmVXZWlnaHQiOjAuMCwiTGluZVR5cGUiOjAsIlBhcmVudFN0eWxlIjpudWxsfSwiUGFyZW50U3R5bGUiOm51bGx9LCJIb3Jpem9udGFsQ29ubmVjdG9yU3R5bGUiOnsiJGlkIjoiNTk3IiwiTGluZUNvbG9yIjp7IiRyZWYiOiIyNjgifSwiTGluZVdlaWdodCI6MS4wLCJMaW5lVHlwZSI6MCwiUGFyZW50U3R5bGUiOm51bGx9LCJWZXJ0aWNhbENvbm5lY3RvclN0eWxlIjp7IiRpZCI6IjU5OCIsIkxpbmVDb2xvciI6eyIkcmVmIjoiMjcx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yZWYiOiI0MyJ9LCJJc1Zpc2libGUiOnRydWUsIldpZHRoIjowLjAsIkhlaWdodCI6MC4wLCJCb3JkZXJTdHlsZSI6eyIkaWQiOiI2OTYiLCJMaW5lQ29sb3IiOm51bGwsIkxpbmVXZWlnaHQiOjAuMCwiTGluZVR5cGUiOjAsIlBhcmVudFN0eWxlIjpudWxsfSwiUGFyZW50U3R5bGUiOm51bGx9LCJEdXJhdGlvblN0eWxlIjp7IiRpZCI6IjY5NyIsIkZvbnRTZXR0aW5ncyI6eyIkaWQiOiI2OTgiLCJGb250U2l6ZSI6MTAsIkZvbnROYW1lIjoiQ2FsaWJyaSIsIklzQm9sZCI6ZmFsc2UsIklzSXRhbGljIjpmYWxzZSwiSXNVbmRlcmxpbmVkIjpmYWxzZSwiUGFyZW50U3R5bGUiOm51bGx9LCJBdXRvU2l6ZSI6MCwiRm9yZWdyb3VuZCI6eyIkcmVmIjoiMjYwIn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I2NCJ9LCJJc1Zpc2libGUiOnRydWUsIldpZHRoIjowLjAsIkhlaWdodCI6MC4wLCJCb3JkZXJTdHlsZSI6eyIkaWQiOiI2OTkiLCJMaW5lQ29sb3IiOm51bGwsIkxpbmVXZWlnaHQiOjAuMCwiTGluZVR5cGUiOjAsIlBhcmVudFN0eWxlIjpudWxsfSwiUGFyZW50U3R5bGUiOm51bGx9LCJIb3Jpem9udGFsQ29ubmVjdG9yU3R5bGUiOnsiJGlkIjoiNzAwIiwiTGluZUNvbG9yIjp7IiRyZWYiOiIyNjgifSwiTGluZVdlaWdodCI6MS4wLCJMaW5lVHlwZSI6MCwiUGFyZW50U3R5bGUiOm51bGx9LCJWZXJ0aWNhbENvbm5lY3RvclN0eWxlIjp7IiRpZCI6IjcwMSIsIkxpbmVDb2xvciI6eyIkcmVmIjoiMjcx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cxNyIsIkxpbmVDb2xvciI6bnVsbCwiTGluZVdlaWdodCI6MC4wLCJMaW5lVHlwZSI6MCwiUGFyZW50U3R5bGUiOm51bGx9LCJQYXJlbnRTdHlsZSI6bnVsbH0sIkRhdGVGb3JtYXQiOnsiJGlkIjoiNz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yZWYiOiI0MyJ9LCJJc1Zpc2libGUiOnRydWUsIldpZHRoIjowLjAsIkhlaWdodCI6MC4wLCJCb3JkZXJTdHlsZSI6eyIkaWQiOiI3NTUiLCJMaW5lQ29sb3IiOm51bGwsIkxpbmVXZWlnaHQiOjAuMCwiTGluZVR5cGUiOjAsIlBhcmVudFN0eWxlIjpudWxsfSwiUGFyZW50U3R5bGUiOm51bGx9LCJEdXJhdGlvblN0eWxlIjp7IiRpZCI6Ijc1NiIsIkZvbnRTZXR0aW5ncyI6eyIkaWQiOiI3NTciLCJGb250U2l6ZSI6MTAsIkZvbnROYW1lIjoiQ2FsaWJyaSIsIklzQm9sZCI6ZmFsc2UsIklzSXRhbGljIjpmYWxzZSwiSXNVbmRlcmxpbmVkIjpmYWxzZSwiUGFyZW50U3R5bGUiOm51bGx9LCJBdXRvU2l6ZSI6MCwiRm9yZWdyb3VuZCI6eyIkcmVmIjoiMjYwIn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I2NCJ9LCJJc1Zpc2libGUiOnRydWUsIldpZHRoIjowLjAsIkhlaWdodCI6MC4wLCJCb3JkZXJTdHlsZSI6eyIkaWQiOiI3NTgiLCJMaW5lQ29sb3IiOm51bGwsIkxpbmVXZWlnaHQiOjAuMCwiTGluZVR5cGUiOjAsIlBhcmVudFN0eWxlIjpudWxsfSwiUGFyZW50U3R5bGUiOm51bGx9LCJIb3Jpem9udGFsQ29ubmVjdG9yU3R5bGUiOnsiJGlkIjoiNzU5IiwiTGluZUNvbG9yIjp7IiRyZWYiOiIyNjgifSwiTGluZVdlaWdodCI6MS4wLCJMaW5lVHlwZSI6MCwiUGFyZW50U3R5bGUiOm51bGx9LCJWZXJ0aWNhbENvbm5lY3RvclN0eWxlIjp7IiRpZCI6Ijc2MCIsIkxpbmVDb2xvciI6eyIkcmVmIjoiMjcx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xOCJ9LCJQYWRkaW5nIjp7IiRyZWYiOiIyMTkifSwiQmFja2dyb3VuZCI6eyIkaWQiOiI3OTQiLCJDb2xvciI6eyIkaWQiOiI3OTUiLCJBIjowLCJSIjoyNTUsIkciOjI1NSwiQiI6MjU1fX0sIklzVmlzaWJsZSI6ZmFsc2UsIldpZHRoIjowLjAsIkhlaWdodCI6MC4wLCJCb3JkZXJTdHlsZSI6bnVsbCwiUGFyZW50U3R5bGUiOm51bGx9LCJEYXRlRm9ybWF0Ijp7IiRpZCI6Ijc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I2NC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yNjgifSwiTGluZVdlaWdodCI6MS4wLCJMaW5lVHlwZSI6MCwiUGFyZW50U3R5bGUiOm51bGx9LCJWZXJ0aWNhbENvbm5lY3RvclN0eWxlIjp7IiRpZCI6IjgzNiIsIkxpbmVDb2xvciI6eyIkcmVmIjoiMjcx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HJlZiI6IjI1NSJ9LCJQYWRkaW5nIjp7IiRyZWYiOiIyNTYifSwiQmFja2dyb3VuZCI6eyIkcmVmIjoiNDMifSwiSXNWaXNpYmxlIjp0cnVlLCJXaWR0aCI6MC4wLCJIZWlnaHQiOjAuMCwiQm9yZGVyU3R5bGUiOnsiJGlkIjoiODU5IiwiTGluZUNvbG9yIjpudWxsLCJMaW5lV2VpZ2h0IjowLjAsIkxpbmVUeXBlIjowLCJQYXJlbnRTdHlsZSI6bnVsbH0sIlBhcmVudFN0eWxlIjpudWxsfSwiRHVyYXRpb25TdHlsZSI6eyIkaWQiOiI4NjAiLCJGb250U2V0dGluZ3MiOnsiJGlkIjoiODYx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nsiJGlkIjoiODYyIiwiTGluZUNvbG9yIjpudWxsLCJMaW5lV2VpZ2h0IjowLjAsIkxpbmVUeXBlIjowLCJQYXJlbnRTdHlsZSI6bnVsbH0sIlBhcmVudFN0eWxlIjpudWxsfSwiSG9yaXpvbnRhbENvbm5lY3RvclN0eWxlIjp7IiRpZCI6Ijg2MyIsIkxpbmVDb2xvciI6eyIkcmVmIjoiMjY4In0sIkxpbmVXZWlnaHQiOjEuMCwiTGluZVR5cGUiOjAsIlBhcmVudFN0eWxlIjpudWxsfSwiVmVydGljYWxDb25uZWN0b3JTdHlsZSI6eyIkaWQiOiI4NjQiLCJMaW5lQ29sb3IiOnsiJHJlZiI6IjI3M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HJlZiI6IjI1NSJ9LCJQYWRkaW5nIjp7IiRyZWYiOiIyNTYifSwiQmFja2dyb3VuZCI6eyIkcmVmIjoiNDM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nsiJGlkIjoiODkwIiwiTGluZUNvbG9yIjpudWxsLCJMaW5lV2VpZ2h0IjowLjAsIkxpbmVUeXBlIjowLCJQYXJlbnRTdHlsZSI6bnVsbH0sIlBhcmVudFN0eWxlIjpudWxsfSwiSG9yaXpvbnRhbENvbm5lY3RvclN0eWxlIjp7IiRpZCI6Ijg5MSIsIkxpbmVDb2xvciI6eyIkcmVmIjoiMjY4In0sIkxpbmVXZWlnaHQiOjEuMCwiTGluZVR5cGUiOjAsIlBhcmVudFN0eWxlIjpudWxsfSwiVmVydGljYWxDb25uZWN0b3JTdHlsZSI6eyIkaWQiOiI4OTIiLCJMaW5lQ29sb3IiOnsiJHJlZiI6IjI3M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HJlZiI6IjI1NSJ9LCJQYWRkaW5nIjp7IiRyZWYiOiIyNTYifSwiQmFja2dyb3VuZCI6eyIkcmVmIjoiNDMifSwiSXNWaXNpYmxlIjp0cnVlLCJXaWR0aCI6MC4wLCJIZWlnaHQiOjAuMCwiQm9yZGVyU3R5bGUiOnsiJGlkIjoiOTYwIiwiTGluZUNvbG9yIjpudWxsLCJMaW5lV2VpZ2h0IjowLjAsIkxpbmVUeXBlIjowLCJQYXJlbnRTdHlsZSI6bnVsbH0sIlBhcmVudFN0eWxlIjpudWxsfSwiRHVyYXRpb25TdHlsZSI6eyIkaWQiOiI5NjEiLCJGb250U2V0dGluZ3MiOnsiJGlkIjoiOTYy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nsiJGlkIjoiOTYzIiwiTGluZUNvbG9yIjpudWxsLCJMaW5lV2VpZ2h0IjowLjAsIkxpbmVUeXBlIjowLCJQYXJlbnRTdHlsZSI6bnVsbH0sIlBhcmVudFN0eWxlIjpudWxsfSwiSG9yaXpvbnRhbENvbm5lY3RvclN0eWxlIjp7IiRpZCI6Ijk2NCIsIkxpbmVDb2xvciI6eyIkcmVmIjoiMjY4In0sIkxpbmVXZWlnaHQiOjEuMCwiTGluZVR5cGUiOjAsIlBhcmVudFN0eWxlIjpudWxsfSwiVmVydGljYWxDb25uZWN0b3JTdHlsZSI6eyIkaWQiOiI5NjUiLCJMaW5lQ29sb3IiOnsiJHJlZiI6IjI3MS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I2NCJ9LCJJc1Zpc2libGUiOnRydWUsIldpZHRoIjowLjAsIkhlaWdodCI6MC4wLCJCb3JkZXJTdHlsZSI6eyIkaWQiOiI5OTEiLCJMaW5lQ29sb3IiOm51bGwsIkxpbmVXZWlnaHQiOjAuMCwiTGluZVR5cGUiOjAsIlBhcmVudFN0eWxlIjpudWxsfSwiUGFyZW50U3R5bGUiOm51bGx9LCJIb3Jpem9udGFsQ29ubmVjdG9yU3R5bGUiOnsiJGlkIjoiOTkyIiwiTGluZUNvbG9yIjp7IiRyZWYiOiIyNjgifSwiTGluZVdlaWdodCI6MS4wLCJMaW5lVHlwZSI6MCwiUGFyZW50U3R5bGUiOm51bGx9LCJWZXJ0aWNhbENvbm5lY3RvclN0eWxlIjp7IiRpZCI6Ijk5MyIsIkxpbmVDb2xvciI6eyIkcmVmIjoiMjcx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I2NCJ9LCJJc1Zpc2libGUiOnRydWUsIldpZHRoIjowLjAsIkhlaWdodCI6MC4wLCJCb3JkZXJTdHlsZSI6eyIkaWQiOiIxMDE5IiwiTGluZUNvbG9yIjpudWxsLCJMaW5lV2VpZ2h0IjowLjAsIkxpbmVUeXBlIjowLCJQYXJlbnRTdHlsZSI6bnVsbH0sIlBhcmVudFN0eWxlIjpudWxsfSwiSG9yaXpvbnRhbENvbm5lY3RvclN0eWxlIjp7IiRpZCI6IjEwMjAiLCJMaW5lQ29sb3IiOnsiJHJlZiI6IjI2OCJ9LCJMaW5lV2VpZ2h0IjoxLjAsIkxpbmVUeXBlIjowLCJQYXJlbnRTdHlsZSI6bnVsbH0sIlZlcnRpY2FsQ29ubmVjdG9yU3R5bGUiOnsiJGlkIjoiMTAyMSIsIkxpbmVDb2xvciI6eyIkcmVmIjoiMjcx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HJlZiI6IjI1NSJ9LCJQYWRkaW5nIjp7IiRyZWYiOiIyNTYifSwiQmFja2dyb3VuZCI6eyIkcmVmIjoiNDMifSwiSXNWaXNpYmxlIjp0cnVlLCJXaWR0aCI6MC4wLCJIZWlnaHQiOjAuMCwiQm9yZGVyU3R5bGUiOnsiJGlkIjoiMTA4OSIsIkxpbmVDb2xvciI6bnVsbCwiTGluZVdlaWdodCI6MC4wLCJMaW5lVHlwZSI6MCwiUGFyZW50U3R5bGUiOm51bGx9LCJQYXJlbnRTdHlsZSI6bnVsbH0sIkR1cmF0aW9uU3R5bGUiOnsiJGlkIjoiMTA5MCIsIkZvbnRTZXR0aW5ncyI6eyIkaWQiOiIxMDkx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nsiJGlkIjoiMTA5MiIsIkxpbmVDb2xvciI6bnVsbCwiTGluZVdlaWdodCI6MC4wLCJMaW5lVHlwZSI6MCwiUGFyZW50U3R5bGUiOm51bGx9LCJQYXJlbnRTdHlsZSI6bnVsbH0sIkhvcml6b250YWxDb25uZWN0b3JTdHlsZSI6eyIkaWQiOiIxMDkzIiwiTGluZUNvbG9yIjp7IiRyZWYiOiIyNjgifSwiTGluZVdlaWdodCI6MS4wLCJMaW5lVHlwZSI6MCwiUGFyZW50U3R5bGUiOm51bGx9LCJWZXJ0aWNhbENvbm5lY3RvclN0eWxlIjp7IiRpZCI6IjEwOTQiLCJMaW5lQ29sb3IiOnsiJHJlZiI6IjI3MS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HJlZiI6IjI1NSJ9LCJQYWRkaW5nIjp7IiRyZWYiOiIyNTYifSwiQmFja2dyb3VuZCI6eyIkcmVmIjoiNDMifSwiSXNWaXNpYmxlIjp0cnVlLCJXaWR0aCI6MC4wLCJIZWlnaHQiOjAuMCwiQm9yZGVyU3R5bGUiOnsiJGlkIjoiMTExNyIsIkxpbmVDb2xvciI6bnVsbCwiTGluZVdlaWdodCI6MC4wLCJMaW5lVHlwZSI6MCwiUGFyZW50U3R5bGUiOm51bGx9LCJQYXJlbnRTdHlsZSI6bnVsbH0sIkR1cmF0aW9uU3R5bGUiOnsiJGlkIjoiMTExOCIsIkZvbnRTZXR0aW5ncyI6eyIkaWQiOiIxMTE5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nsiJGlkIjoiMTEyMCIsIkxpbmVDb2xvciI6bnVsbCwiTGluZVdlaWdodCI6MC4wLCJMaW5lVHlwZSI6MCwiUGFyZW50U3R5bGUiOm51bGx9LCJQYXJlbnRTdHlsZSI6bnVsbH0sIkhvcml6b250YWxDb25uZWN0b3JTdHlsZSI6eyIkaWQiOiIxMTIxIiwiTGluZUNvbG9yIjp7IiRyZWYiOiIyNjgifSwiTGluZVdlaWdodCI6MS4wLCJMaW5lVHlwZSI6MCwiUGFyZW50U3R5bGUiOm51bGx9LCJWZXJ0aWNhbENvbm5lY3RvclN0eWxlIjp7IiRpZCI6IjExMjIiLCJMaW5lQ29sb3IiOnsiJHJlZiI6IjI3MS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HJlZiI6IjI1NSJ9LCJQYWRkaW5nIjp7IiRyZWYiOiIyNTYifSwiQmFja2dyb3VuZCI6eyIkcmVmIjoiNDMifSwiSXNWaXNpYmxlIjp0cnVlLCJXaWR0aCI6MC4wLCJIZWlnaHQiOjAuMCwiQm9yZGVyU3R5bGUiOnsiJGlkIjoiMTE0NSIsIkxpbmVDb2xvciI6bnVsbCwiTGluZVdlaWdodCI6MC4wLCJMaW5lVHlwZSI6MCwiUGFyZW50U3R5bGUiOm51bGx9LCJQYXJlbnRTdHlsZSI6bnVsbH0sIkR1cmF0aW9uU3R5bGUiOnsiJGlkIjoiMTE0NiIsIkZvbnRTZXR0aW5ncyI6eyIkaWQiOiIxMTQ3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nsiJGlkIjoiMTE0OCIsIkxpbmVDb2xvciI6bnVsbCwiTGluZVdlaWdodCI6MC4wLCJMaW5lVHlwZSI6MCwiUGFyZW50U3R5bGUiOm51bGx9LCJQYXJlbnRTdHlsZSI6bnVsbH0sIkhvcml6b250YWxDb25uZWN0b3JTdHlsZSI6eyIkaWQiOiIxMTQ5IiwiTGluZUNvbG9yIjp7IiRyZWYiOiIyNjgifSwiTGluZVdlaWdodCI6MS4wLCJMaW5lVHlwZSI6MCwiUGFyZW50U3R5bGUiOm51bGx9LCJWZXJ0aWNhbENvbm5lY3RvclN0eWxlIjp7IiRpZCI6IjExNTAiLCJMaW5lQ29sb3IiOnsiJHJlZiI6IjI3M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xMCJ9LCJQYWRkaW5nIjp7IiRyZWYiOiIyMTEifSwiQmFja2dyb3VuZCI6eyIkaWQiOiIxMzYwIiwiQ29sb3IiOnsiJHJlZiI6IjI2NSJ9fSwiSXNWaXNpYmxlIjp0cnVlLCJXaWR0aCI6MC4wLCJIZWlnaHQiOjAuMCwiQm9yZGVyU3R5bGUiOm51bGwsIlBhcmVudFN0eWxlIjpudWxsfSwiRGF0ZV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E4In0sIlBhZGRpbmciOnsiJHJlZiI6IjIxOSJ9LCJCYWNrZ3JvdW5kIjp7IiRpZCI6IjEzNjUiLCJDb2xvciI6eyIkcmVmIjoiMjY1In19LCJJc1Zpc2libGUiOmZhbHNlLCJXaWR0aCI6MC4wLCJIZWlnaHQiOjAuMCwiQm9yZGVyU3R5bGUiOm51bGwsIlBhcmVudFN0eWxlIjpudWxsfSwiRGF0ZUZvcm1hdCI6eyIkaWQiOiIxMz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ciLCJGb3JtYXQiOjAsIklzVmlzaWJsZSI6ZmFsc2UsIkxhc3RLbm93blZpc2liaWxpdHlTdGF0ZSI6ZmFsc2V9LCJJc1Zpc2libGUiOnRydWUsIlBhcmVudFN0eWxlIjpudWxsfSwiRGVmYXVsdFRhc2tTdHlsZSI6eyIkaWQiOiIxMzY4IiwiU2hhcGUiOjAsIlNoYXBlVGhpY2tuZXNzIjoxLCJEdXJhdGlvbkZvcm1hdCI6MCwiSW5jbHVkZU5vbldvcmtpbmdEYXlzSW5EdXJhdGlvbiI6ZmFsc2UsIlBlcmNlbnRhZ2VDb21wbGV0ZVN0eWxlIjp7IiRpZCI6IjEzNjkiLCJGb250U2V0dGluZ3MiOnsiJGlkIjoiMTM3MCIsIkZvbnRTaXplIjo4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yZWYiOiIyNTUifSwiUGFkZGluZyI6eyIkcmVmIjoiMjU2In0sIkJhY2tncm91bmQiOnsiJHJlZiI6IjQzIn0sIklzVmlzaWJsZSI6dHJ1ZSwiV2lkdGgiOjAuMCwiSGVpZ2h0IjowLjAsIkJvcmRlclN0eWxlIjpudWxsLCJQYXJlbnRTdHlsZSI6bnVsbH0sIkR1cmF0aW9uU3R5bGUiOnsiJGlkIjoiMTM3MSIsIkZvbnRTZXR0aW5ncyI6eyIkaWQiOiIxMzcyIiwiRm9udFNpemUiOjEwLCJGb250TmFtZSI6IkNhbGlicmkiLCJJc0JvbGQiOmZhbHNlLCJJc0l0YWxpYyI6ZmFsc2UsIklzVW5kZXJsaW5lZCI6ZmFsc2UsIlBhcmVudFN0eWxlIjpudWxsfSwiQXV0b1NpemUiOjAsIkZvcmVncm91bmQiOnsiJHJlZiI6IjI2MCJ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yZWYiOiIyODUifSwiUGFkZGluZyI6eyIkcmVmIjoiMjg2In0sIkJhY2tncm91bmQiOnsiJGlkIjoiMTM4NSIsIkNvbG9yIjp7IiRyZWYiOiIyNjUifX0sIklzVmlzaWJsZSI6dHJ1ZSwiV2lkdGgiOjAuMCwiSGVpZ2h0IjowLjAsIkJvcmRlclN0eWxlIjpudWxsLCJQYXJlbnRTdHlsZSI6bnVsbH0sIkRhdGVTdHlsZSI6eyIkaWQiOiIxMzg2IiwiRm9udFNldHRpbmdzIjp7IiRpZCI6IjEzODciLCJGb250U2l6ZSI6MTA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I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pZCI6IjEz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4OSIsIkZvcm1hdCI6MCwiSXNWaXNpYmxlIjpmYWxzZSwiTGFzdEtub3duVmlzaWJpbGl0eVN0YXRlIjpmYWxzZX0sIklzVmlzaWJsZSI6dHJ1ZSwiUGFyZW50U3R5bGUiOm51bGwsIl9leHBsaWNpdGx5U2V0Ijp7IiRpZCI6IjEzO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kZGQzAwMFwiXSJ9LCJTZXR0aW5ncyI6eyIkaWQiOiIxNDE0IiwiSW1wYU9wdGlvbnMiOnsiJGlkIjoiMTQx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MTYiLCJVc2VUaW1lIjp0cnV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xLTA2LTAzVDAwOjAwOjAwIiwiRW5kRGF0ZSI6IjIwMjEtMDctMDJUMjM6NTk6MDAiLCJQZXJjZW50YWdlQ29tcGxldGUiOjEwMC4wLCJTdHlsZSI6eyIkaWQiOiI3IiwiU2hhcGUiOjIsIlNoYXBlVGhpY2tuZXNzIjow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ODk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pZCI6IjY3IiwiQ29sb3IiOnsiJGlkIjoiNjg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g5LCJSIjowLCJHIjowLCJCIjowfX0sIklzVmlzaWJsZSI6dHJ1ZSwiV2lkdGgiOjAuMCwiSGVpZ2h0IjowLjAsIkJvcmRlclN0eWxlIjp7IiRpZCI6IjczIiwiTGluZUNvbG9yIjpudWxsLCJMaW5lV2VpZ2h0IjowLjAsIkxpbmVUeXBlIjowLCJQYXJlbnRTdHlsZSI6bnVsbH0sIlBhcmVudFN0eWxlIjpudWxsfSwiRHVyYXRpb25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nRydWUsIldpZHRoIjowLjAsIkhlaWdodCI6MC4wLCJCb3JkZXJTdHlsZSI6eyIkaWQiOiIxNjMiLCJMaW5lQ29sb3IiOm51bGwsIkxpbmVXZWlnaHQiOjAuMCwiTGluZVR5cGUiOjAsIlBhcmVudFN0eWxlIjpudWxsfS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dHJ1ZSwiV2lkdGgiOjAuMCwiSGVpZ2h0IjowLjAsIkJvcmRlclN0eWxlIjp7IiRpZCI6IjE3MiIsIkxpbmVDb2xvciI6bnVsbCwiTGluZVdlaWdodCI6MC4wLCJMaW5lVHlwZSI6MCwiUGFyZW50U3R5bGUiOm51bGx9LCJQYXJlbnRTdHlsZSI6bnVsbH0sIkRhdGVGb3JtYXQiOnsiJGlkIjoiMT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4OSwiUiI6MCwiRyI6MCwiQiI6MH19LCJJc1Zpc2libGUiOnRydWUsIldpZHRoIjowLjAsIkhlaWdodCI6MC4wLCJCb3JkZXJTdHlsZSI6eyIkaWQiOiIxODgiLCJMaW5lQ29sb3IiOm51bGwsIkxpbmVXZWlnaHQiOjAuMCwiTGluZVR5cGUiOjAsIlBhcmVudFN0eWxlIjpudWxsfSwiUGFyZW50U3R5bGUiOm51bGx9LCJEdXJhdGlvbl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AsIlIiOjI1NSwiRyI6MjU1LCJCIjoyNTV9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aWQiOiIyODEiLCJDb2xvciI6eyIkaWQiOiIy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CwiUiI6MjU1LCJHIjoyNTUsIkIiOjI1NX19LCJJc1Zpc2libGUiOnRydWUsIldpZHRoIjowLjAsIkhlaWdodCI6MC4wLCJCb3JkZXJTdHlsZSI6eyIkaWQiOiIzNDUiLCJMaW5lQ29sb3IiOm51bGwsIkxpbmVXZWlnaHQiOjAuMCwiTGluZVR5cGUiOjAsIlBhcmVudFN0eWxlIjpudWxsfSwiUGFyZW50U3R5bGUiOm51bGx9LCJEYXRlRm9ybWF0Ijp7IiRpZCI6IjM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nsiJGlkIjoiNTcyIiwiQ29sb3IiOnsiJGlkIjoiNTczIiwiQSI6ODksIlIiOjAsIkciOjAsIkIiOjB9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aWQiOiI1NzYiLCIkdHlwZSI6Ik5MUkUuQ29tbW9uLkRvbS5Tb2xpZENvbG9yQnJ1c2gsIE5MUkUuQ29tbW9uIiwiQ29sb3IiOnsiJGlkIjoiNTc3IiwiQSI6MjU1LCJSIjoyMDQsIkciOjIwNCwiQiI6MjA0fX0sIkxpbmVXZWlnaHQiOjEuMCwiTGluZVR5cGUiOjAsIlBhcmVudFN0eWxlIjpudWxsfSwiVmVydGljYWxDb25uZWN0b3JTdHlsZSI6eyIkaWQiOiI1NzgiLCJMaW5lQ29sb3IiOnsiJGlkIjoiNTc5IiwiJHR5cGUiOiJOTFJFLkNvbW1vbi5Eb20uU29saWRDb2xvckJydXNoLCBOTFJFLkNvbW1vbiIsIkNvbG9yIjp7IiRpZCI6IjU4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pZCI6IjY2MSIsIkNvbG9yIjp7IiRpZCI6IjY2MiIsIkEiOjAsIlIiOjI1NSwiRyI6MjU1LCJCIjoyNTV9fSwiSXNWaXNpYmxlIjp0cnVlLCJXaWR0aCI6MC4wLCJIZWlnaHQiOjAuMCwiQm9yZGVyU3R5bGUiOnsiJGlkIjoiNjYzIiwiTGluZUNvbG9yIjpudWxsLCJMaW5lV2VpZ2h0IjowLjAsIkxpbmVUeXBlIjowLCJQYXJlbnRTdHlsZSI6bnVsbH0sIlBhcmVudFN0eWxlIjpudWxsfSwiRGF0ZUZvcm1hdCI6eyIkaWQiOiI2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4NTQiLCJUb3AiOjAuMCwiTGVmdCI6MC4wLCJSaWdodCI6MC4wLCJCb3R0b20iOjAuMH0sIlBhZGRpbmciOnsiJGlkIjoiODU1IiwiVG9wIjowLjAsIkxlZnQiOjAuMCwiUmlnaHQiOjAuMCwiQm90dG9tIjowLjB9LCJCYWNrZ3JvdW5kIjp7IiRpZCI6Ijg1NiIsIkNvbG9yIjp7IiRpZCI6Ijg1NyIsIkEiOjAsIlIiOjI1NSwiRyI6MjU1LCJCIjoyNTV9fSwiSXNWaXNpYmxlIjp0cnVlLCJXaWR0aCI6MC4wLCJIZWlnaHQiOjAuMCwiQm9yZGVyU3R5bGUiOnsiJGlkIjoiODU4IiwiTGluZUNvbG9yIjpudWxsLCJMaW5lV2VpZ2h0IjowLjAsIkxpbmVUeXBlIjowLCJQYXJlbnRTdHlsZSI6bnVsbH0sIlBhcmVudFN0eWxlIjpudWxsfSwiRGF0ZV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U3R5bGUiOnsiJGlkIjoiMTAyNSIsIkZvbnRTZXR0aW5ncyI6eyIkaWQiOiIxMDI2IiwiRm9udFNpemUiOjEwLCJGb250TmFtZSI6IkNhbGlicmkiLCJJc0JvbGQiOmZhbHNlLCJJc0l0YWxpYyI6ZmFsc2UsIklzVW5kZXJsaW5lZCI6ZmFsc2UsIlBhcmVudFN0eWxlIjpudWxsfSwiQXV0b1NpemUiOjAsIkZvcmVncm91bmQiOnsiJGlkIjoiMTAyNyIsIkNvbG9yIjp7IiRpZCI6IjEw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aWQiOiIxMzQzIiwiQSI6MCwiUiI6MjU1LCJHIjoyNTUsIkIiOjI1NX19LCJJc1Zpc2libGUiOnRydWUsIldpZHRoIjowLjAsIkhlaWdodCI6MC4wLCJCb3JkZXJTdHlsZSI6eyIkaWQiOiIxMzQ0IiwiTGluZUNvbG9yIjpudWxsLCJMaW5lV2VpZ2h0IjowLjAsIkxpbmVUeXBlIjowLCJQYXJlbnRTdHlsZSI6bnVsbH0sIlBhcmVudFN0eWxlIjpudWxsfSwiRGF0ZUZvcm1hdCI6eyIkaWQiOiIxMz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zg4IiwiVG9wIjowLjAsIkxlZnQiOjAuMCwiUmlnaHQiOjAuMCwiQm90dG9tIjowLjB9LCJQYWRkaW5nIjp7IiRpZCI6IjEzODkiLCJUb3AiOjAuMCwiTGVmdCI6MC4wLCJSaWdodCI6MC4wLCJCb3R0b20iOjAuMH0sIkJhY2tncm91bmQiOnsiJGlkIjoiMTM5MCIsIkNvbG9yIjp7IiRpZCI6IjEzOTEiLCJBIjowLCJSIjoyNTUsIkciOjI1NSwiQiI6MjU1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zIiLCJUb3AiOjAuMCwiTGVmdCI6MC4wLCJSaWdodCI6MC4wLCJCb3R0b20iOjAuMH0sIlBhZGRpbmciOnsiJGlkIjoiMjAzMyIsIlRvcCI6MC4wLCJMZWZ0IjowLjAsIlJpZ2h0IjowLjAsIkJvdHRvbSI6MC4wfSwiQmFja2dyb3VuZCI6eyIkaWQiOiIyMDM0IiwiQ29sb3IiOnsiJHJlZiI6IjE5NjEifX0sIklzVmlzaWJsZSI6ZmFsc2UsIldpZHRoIjowLjAsIkhlaWdodCI6MC4wLCJCb3JkZXJTdHlsZSI6bnVsbCwiUGFyZW50U3R5bGUiOm51bGx9LCJEYXRlRm9ybWF0Ijp7IiRpZCI6IjIw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A3NSIsIlRvcCI6MC4wLCJMZWZ0IjowLjAsIlJpZ2h0IjowLjAsIkJvdHRvbSI6MC4wfSwiUGFkZGluZyI6eyIkaWQiOiIyMDc2IiwiVG9wIjowLjAsIkxlZnQiOjAuMCwiUmlnaHQiOjAuMCwiQm90dG9tIjowLjB9LCJCYWNrZ3JvdW5kIjp7IiRpZCI6IjIwNzciLCJDb2xvciI6eyIkcmVmIjoiMTk2MSJ9fSwiSXNWaXNpYmxlIjp0cnVlLCJXaWR0aCI6MC4wLCJIZWlnaHQiOjAuMCwiQm9yZGVyU3R5bGUiOm51bGwsIlBhcmVudFN0eWxlIjpudWxsfSwiRGF0ZUZvcm1hdCI6eyIkaWQiOiIyMD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zkiLCJGb3JtYXQiOjAsIklzVmlzaWJsZSI6ZmFsc2UsIkxhc3RLbm93blZpc2liaWxpdHlTdGF0ZSI6ZmFsc2V9LCJJc1Zpc2libGUiOnRydWUsIlBhcmVudFN0eWxlIjpudWxsLCJfZXhwbGljaXRseVNldCI6eyIkaWQiOiIyMDg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wMzIifSwiUGFkZGluZyI6eyIkcmVmIjoiMjAzMyJ9LCJCYWNrZ3JvdW5kIjp7IiRpZCI6IjIxMjYiLCJDb2xvciI6eyIkaWQiOiIyMTI3IiwiQSI6MCwiUiI6MjU1LCJHIjoyNTUsIkIiOjI1NX19LCJJc1Zpc2libGUiOmZhbHNlLCJXaWR0aCI6MC4wLCJIZWlnaHQiOjAuMCwiQm9yZGVyU3R5bGUiOnsiJGlkIjoiMjEyOCIsIkxpbmVDb2xvciI6bnVsbCwiTGluZVdlaWdodCI6MC4wLCJMaW5lVHlwZSI6MCwiUGFyZW50U3R5bGUiOm51bGx9LCJQYXJlbnRTdHlsZSI6bnVsbH0sIkRhdGVGb3JtYXQiOnsiJGlkIjoiM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mYWxz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VcGRhdGVTY2FsZUZvckltcG9ydGVkVGltZWxpbmUiOiJGYWxzZSIsIlJlY2VudENvbG9yc0NvbGxlY3Rpb24iOiJbXCIjRkY3MEFENDdcIl0ifSwiU2V0dGluZ3MiOnsiJGlkIjoiMjE2NCIsIkltcGFPcHRpb25zIjp7IiRpZCI6IjIxNj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XFxcXGZpbGVyLnJtcy5pbnRlcm5cXHByb2plY3RzXFxPVEwgTWFya2V0aW5nXFxCbG9nXFxCbG9nIHBvc3RzXFxJbmR1c3RyeSB0ZW1wbGF0ZXNcXFRlbGVjb21cXGluc3BvXFxNZXJnZXIgYW5kIEFjcXVpc2l0aW9uIEludGVncmF0aW9uIFNjaGVkdWxlICgxKS54bHN4IiwiVGltZUNvbmZpZ3VyYXRpb24iOnsiJGlkIjoiMjE2Ni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1-07-01T00:00:00.0000000"/>
  <p:tag name="OTLTIMEBANDENDDATE" val="2024-06-30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USETIME" val="True"/>
  <p:tag name="OTLLEFTENDCAPSMARGINLEFT" val="76.7495688748685"/>
  <p:tag name="OTLTIMEBANDRESERVEDLEFTAREAWIDTH" val="59.1924290220821"/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ENDDATE" val="2023-06-23T23:59:00.0000000"/>
  <p:tag name="OTLTIMEBANDTHREEDEFFECTS" val="None"/>
  <p:tag name="OTLLEFTENDCAPSMARGINLEFT" val="119.021361626225"/>
  <p:tag name="OTLTIMEBANDRESERVEDLEFTAREAWIDTH" val="67.3443375815503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ENDDATE" val="2023-06-23T23:59:00.0000000"/>
  <p:tag name="OTLTIMEBANDTHREEDEFFECTS" val="None"/>
  <p:tag name="OTLLEFTENDCAPSMARGINLEFT" val="119.021361626225"/>
  <p:tag name="OTLTIMEBANDRESERVEDLEFTAREAWIDTH" val="67.3443375815503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ENDDATE" val="2023-06-23T23:59:00.0000000"/>
  <p:tag name="OTLTIMEBANDTHREEDEFFECTS" val="None"/>
  <p:tag name="OTLLEFTENDCAPSMARGINLEFT" val="119.021361626225"/>
  <p:tag name="OTLTIMEBANDRESERVEDLEFTAREAWIDTH" val="67.3443375815503"/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3T00:00:00.0000000"/>
  <p:tag name="OTLENDDATE" val="2021-07-02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2T00:00:00.0000000"/>
  <p:tag name="OTLENDDATE" val="2021-10-02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02T00:00:00.0000000"/>
  <p:tag name="OTLENDDATE" val="2022-02-28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1-12-02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02T00:00:00.0000000"/>
  <p:tag name="OTLENDDATE" val="2022-01-15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4T00:00:00.0000000"/>
  <p:tag name="OTLENDDATE" val="2022-04-15T23:59:00.0000000"/>
  <p:tag name="OTLPERCENTAGE" val="75"/>
  <p:tag name="OTLDURATIONFORMAT" val="day"/>
  <p:tag name="OTLSPACING" val="3"/>
  <p:tag name="OTLSHAPETHICKNESSTYPE" val="Thin"/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4T00:00:00.0000000"/>
  <p:tag name="OTLENDDATE" val="2021-04-03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2T00:00:00.0000000"/>
  <p:tag name="OTLENDDATE" val="2021-05-17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7T00:00:00.0000000"/>
  <p:tag name="OTLENDDATE" val="2021-07-17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31T00:00:00.0000000"/>
  <p:tag name="OTLENDDATE" val="2021-11-28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30T00:00:00.0000000"/>
  <p:tag name="OTLENDDATE" val="2021-12-27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30T00:00:00.0000000"/>
  <p:tag name="OTLENDDATE" val="2022-03-27T23:59:00.0000000"/>
  <p:tag name="OTLPERCENTAGE" val="90"/>
  <p:tag name="OTLDURATIONFORMAT" val="day"/>
  <p:tag name="OTLSPACING" val="3"/>
  <p:tag name="OTLSHAPETHICKNESSTYPE" val="Thin"/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30T00:00:00.0000000"/>
  <p:tag name="OTLENDDATE" val="2022-06-26T23:59:00.0000000"/>
  <p:tag name="OTLDURATIONFORMAT" val="day"/>
  <p:tag name="OTLSPACING" val="3"/>
  <p:tag name="OTLSHAPETHICKNESSTYPE" val="Thin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30T00:00:00.0000000"/>
  <p:tag name="OTLENDDATE" val="2022-07-28T23:59:00.0000000"/>
  <p:tag name="OTLDURATIONFORMAT" val="day"/>
  <p:tag name="OTLSPACING" val="3"/>
  <p:tag name="OTLSHAPETHICKNESSTYPE" val="Thin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22T00:00:00.0000000"/>
  <p:tag name="OTLENDDATE" val="2023-03-24T23:59:00.0000000"/>
  <p:tag name="OTLDURATIONFORMAT" val="day"/>
  <p:tag name="OTLSPACING" val="3"/>
  <p:tag name="OTLSHAPETHICKNESSTYPE" val="Thin"/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26T00:00:00.0000000"/>
  <p:tag name="OTLENDDATE" val="2022-10-26T23:59:00.0000000"/>
  <p:tag name="OTLDURATIONFORMAT" val="day"/>
  <p:tag name="OTLSPACING" val="3"/>
  <p:tag name="OTLSHAPETHICKNESSTYPE" val="Thin"/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27T00:00:00.0000000"/>
  <p:tag name="OTLENDDATE" val="2023-01-21T23:59:00.0000000"/>
  <p:tag name="OTLDURATIONFORMAT" val="day"/>
  <p:tag name="OTLSPACING" val="3"/>
  <p:tag name="OTLSHAPETHICKNESSTYPE" val="Thin"/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3T00:00:00.0000000"/>
  <p:tag name="OTLENDDATE" val="2023-06-23T23:59:00.0000000"/>
  <p:tag name="OTLDURATIONFORMAT" val="day"/>
  <p:tag name="OTLSPACING" val="3"/>
  <p:tag name="OTLSHAPETHICKNESSTYPE" val="Thin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3T00:00:00.0000000"/>
  <p:tag name="OTLENDDATE" val="2021-10-01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30T00:00:00.0000000"/>
  <p:tag name="OTLENDDATE" val="2022-06-25T23:59:00.0000000"/>
  <p:tag name="OTLPERCENTAGE" val="70"/>
  <p:tag name="OTLDURATIONFORMAT" val="day"/>
  <p:tag name="OTLSPACING" val="3"/>
  <p:tag name="OTLSHAPETHICKNESSTYPE" val="Thin"/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30T00:00:00.0000000"/>
  <p:tag name="OTLENDDATE" val="2021-12-30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30T00:00:00.0000000"/>
  <p:tag name="OTLENDDATE" val="2022-03-27T23:59:00.0000000"/>
  <p:tag name="OTLPERCENTAGE" val="80"/>
  <p:tag name="OTLDURATIONFORMAT" val="day"/>
  <p:tag name="OTLSPACING" val="3"/>
  <p:tag name="OTLSHAPETHICKNESSTYPE" val="Thin"/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02T00:00:00.0000000"/>
  <p:tag name="OTLENDDATE" val="2022-01-15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4T00:00:00.0000000"/>
  <p:tag name="OTLENDDATE" val="2022-02-13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4T00:00:00.0000000"/>
  <p:tag name="OTLENDDATE" val="2022-05-13T23:59:00.0000000"/>
  <p:tag name="OTLPERCENTAGE" val="60"/>
  <p:tag name="OTLDURATIONFORMAT" val="day"/>
  <p:tag name="OTLSPACING" val="3"/>
  <p:tag name="OTLSHAPETHICKNESSTYPE" val="Thin"/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3T00:00:00.0000000"/>
  <p:tag name="OTLENDDATE" val="2022-03-16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1-07-01T00:00:00.0000000"/>
  <p:tag name="OTLTIMEBANDENDDATE" val="2024-06-30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USETIME" val="True"/>
  <p:tag name="OTLLEFTENDCAPSMARGINLEFT" val="76.7495688748685"/>
  <p:tag name="OTLTIMEBANDRESERVEDLEFTAREAWIDTH" val="59.1924290220821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hareholder Approval"/>
  <p:tag name="OTLDATE" val="2021-01-18T23:59:00.0000000"/>
  <p:tag name="OTLPOSITIONONTASK" val="None"/>
  <p:tag name="OTLRELATEDTASKID" val="00000000-0000-0000-0000-000000000000"/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egration Complete"/>
  <p:tag name="OTLDATE" val="2023-06-21T23:59:00.0000000"/>
  <p:tag name="OTLPOSITIONONTASK" val="None"/>
  <p:tag name="OTLRELATEDTASKID" val="00000000-0000-0000-0000-000000000000"/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eyIkaWQiOiIyOSIsIkxpbmVDb2xvciI6bnVsbCwiTGluZVdlaWdodCI6MC4wLCJMaW5lVHlwZSI6MCwiUGFyZW50U3R5bGUiOm51bGx9LCJQYXJlbnRTdHlsZSI6bnVsbH0sIkRhdGVTdHlsZSI6eyIkaWQiOiIzMCIsIkZvbnRTZXR0aW5ncyI6eyIkaWQiOiIzMSIsIkZvbnRTaXplIjo5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mYWxz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TdHlsZSI6eyIkaWQiOiIxMTIiLCJGb250U2V0dGluZ3MiOnsiJGlkIjoiMTEzIiwiRm9udFNpemUiOjksIkZvbnROYW1lIjoiQ2FsaWJyaSIsIklzQm9sZCI6ZmFsc2UsIklzSXRhbGljIjpmYWxzZSwiSXNVbmRlcmxpbmVkIjpmYWxzZSwiUGFyZW50U3R5bGUiOm51bGx9LCJBdXRvU2l6ZSI6MCwiRm9yZWdyb3VuZCI6eyIkaWQiOiIxMTQiLCJDb2xvciI6eyIkaWQiOiI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xMCwiRm9udE5hbWUiOiJDYWxpYnJpIiwiSXNCb2xkIjpmYWxzZSwiSXNJdGFsaWMiOmZhbHNlLCJJc1VuZGVybGluZWQiOmZhbHNlLCJQYXJlbnRTdHlsZSI6bnVsbH0sIkF1dG9TaXplIjowLCJGb3JlZ3JvdW5kIjp7IiRpZCI6IjEzNSIsIkNvbG9yIjp7IiRpZCI6IjEz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ODksIlIiOjAsIkciOjAsIkIiOjB9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aWQiOiIxNDMiLCIkdHlwZSI6Ik5MUkUuQ29tbW9uLkRvbS5Tb2xpZENvbG9yQnJ1c2gsIE5MUkUuQ29tbW9uIiwiQ29sb3IiOnsiJGlkIjoiMTQ0IiwiQSI6MjU1LCJSIjoyMDQsIkciOjIwNCwiQiI6MjA0fX0sIkxpbmVXZWlnaHQiOjAuMCwiTGluZVR5cGUiOjAsIlBhcmVudFN0eWxlIjpudWxsfSwiVmVydGljYWxDb25uZWN0b3JTdHlsZSI6eyIkaWQiOiIxNDUiLCJMaW5lQ29sb3IiOnsiJGlkIjoiMTQ2IiwiJHR5cGUiOiJOTFJFLkNvbW1vbi5Eb20uU29saWRDb2xvckJydXNoLCBOTFJFLkNvbW1vbiIsIkNvbG9yIjp7IiRpZCI6IjE0Ny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cmVmIjoiMTQwIn19LCJJc1Zpc2libGUiOnRydWUsIldpZHRoIjowLjAsIkhlaWdodCI6MC4wLCJCb3JkZXJTdHlsZSI6eyIkaWQiOiIxNzIiLCJMaW5lQ29sb3IiOm51bGwsIkxpbmVXZWlnaHQiOjAuMCwiTGluZVR5cGUiOjAsIlBhcmVudFN0eWxlIjpudWxsfSwiUGFyZW50U3R5bGUiOm51bGx9LCJEYXRlRm9ybWF0Ijp7IiRpZCI6IjE3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I3MSIsIkNvbG9yIjp7IiRpZCI6IjI3MiIsIkEiOjAsIlIiOjI1NSwiRyI6MjU1LCJCIjoyNTV9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OSwiRm9udE5hbWUiOiJDYWxpYnJpIiwiSXNCb2xkIjpmYWxzZSwiSXNJdGFsaWMiOmZhbHNlLCJJc1VuZGVybGluZWQiOmZhbHNlLCJQYXJlbnRTdHlsZSI6bnVsbH0sIkF1dG9TaXplIjowLCJGb3JlZ3JvdW5kIjp7IiRpZCI6IjI3NiIsIkNvbG9yIjp7IiRpZCI6IjI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MxMCIsIk1hcmdpbiI6eyIkaWQiOiIzMTEiLCJUb3AiOjAuMCwiTGVmdCI6NC4wLCJSaWdodCI6NC4wLCJCb3R0b20iOjAuMH0sIlBhZGRpbmciOnsiJGlkIjoiMzEyIiwiVG9wIjowLjAsIkxlZnQiOjAuMCwiUmlnaHQiOjAuMCwiQm90dG9tIjowLjB9LCJCYWNrZ3JvdW5kIjp7IiRpZCI6IjMxMyIsIkNvbG9yIjp7IiRpZCI6IjMxNCIsIkEiOjI1NSwiUiI6MjM3LCJHIjoxMjUsIkIiOjQ5fX0sIklzVmlzaWJsZSI6dHJ1ZSwiV2lkdGgiOjAuMCwiSGVpZ2h0IjoxNi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UaXRsZVN0eWxlIjp7IiRpZCI6IjMxOCIsIkZvbnRTZXR0aW5ncyI6eyIkaWQiOiIzMTkiLCJGb250U2l6ZSI6MTAsIkZvbnROYW1lIjoiQ2FsaWJyaSIsIklzQm9sZCI6dHJ1ZSwiSXNJdGFsaWMiOmZhbHNlLCJJc1VuZGVybGluZWQiOmZhbHNlLCJQYXJlbnRTdHlsZSI6bnVsbH0sIkF1dG9TaXplIjowLCJGb3JlZ3JvdW5kIjp7IiRpZCI6IjMyMCIsIkNvbG9yIjp7IiRpZCI6IjMy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xIiwiVG9wIjowLjAsIkxlZnQiOjAuMCwiUmlnaHQiOjAuMCwiQm90dG9tIjowLjB9LCJQYWRkaW5nIjp7IiRpZCI6IjMzMiIsIlRvcCI6MC4wLCJMZWZ0IjowLjAsIlJpZ2h0IjowLjAsIkJvdHRvbSI6MC4wfSwiQmFja2dyb3VuZCI6eyIkaWQiOiIzMzMiLCJDb2xvciI6eyIkcmVmIjoiMzAyIn19LCJJc1Zpc2libGUiOnRydWUsIldpZHRoIjowLjAsIkhlaWdodCI6MC4wLCJCb3JkZXJTdHlsZSI6eyIkaWQiOiIzMzQiLCJMaW5lQ29sb3IiOm51bGwsIkxpbmVXZWlnaHQiOjAuMCwiTGluZVR5cGUiOjAsIlBhcmVudFN0eWxlIjpudWxsfSwiUGFyZW50U3R5bGUiOm51bGx9LCJEYXRlRm9ybWF0Ijp7IiRpZCI6IjMz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zNTUiLCJDb2xvciI6eyIkaWQiOiIzNTYiLCJBIjowLCJSIjoyNTUsIkciOjI1NSwiQiI6MjU1fX0sIklzVmlzaWJsZSI6dHJ1ZSwiV2lkdGgiOjAuMCwiSGVpZ2h0IjowLjAsIkJvcmRlclN0eWxlIjp7IiRpZCI6IjM1NyIsIkxpbmVDb2xvciI6bnVsbCwiTGluZVdlaWdodCI6MC4wLCJMaW5lVHlwZSI6MCwiUGFyZW50U3R5bGUiOm51bGx9LCJQYXJlbnRTdHlsZSI6bnVsbH0sIkRhdGVTdHlsZSI6eyIkaWQiOiIzNTgiLCJGb250U2V0dGluZ3MiOnsiJGlkIjoiMzU5IiwiRm9udFNpemUiOjk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7IiRpZCI6IjQ2OSIsIkNvbG9yIjp7IiRyZWYiOiI0MzgifX0sIklzVmlzaWJsZSI6dHJ1ZSwiV2lkdGgiOjAuMCwiSGVpZ2h0IjowLjAsIkJvcmRlclN0eWxlIjp7IiRpZCI6IjQ3MCIsIkxpbmVDb2xvciI6bnVsbCwiTGluZVdlaWdodCI6MC4wLCJMaW5lVHlwZSI6MCwiUGFyZW50U3R5bGUiOm51bGx9LCJQYXJlbnRTdHlsZSI6bnVsbH0sIkRhdGVGb3JtYXQiOnsiJGlkIjoiNDc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udWxsfSwiRGF0ZVN0eWxlIjp7IiRpZCI6IjUyMCIsIkZvbnRTZXR0aW5ncyI6eyIkaWQiOiI1MjEiLCJGb250U2l6ZSI6OSwiRm9udE5hbWUiOiJDYWxpYnJpIiwiSXNCb2xkIjpmYWxzZSwiSXNJdGFsaWMiOmZhbHNlLCJJc1VuZGVybGluZWQiOmZhbHNlLCJQYXJlbnRTdHlsZSI6bnVsbH0sIkF1dG9TaXplIjowLCJGb3JlZ3JvdW5kIjp7IiRpZCI6IjUyMiIsIkNvbG9yIjp7IiRpZCI6IjU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OSIsIlRvcCI6MC4wLCJMZWZ0IjowLjAsIlJpZ2h0IjowLjAsIkJvdHRvbSI6MC4wfSwiUGFkZGluZyI6eyIkaWQiOiI2MzAiLCJUb3AiOjAuMCwiTGVmdCI6MC4wLCJSaWdodCI6MC4wLCJCb3R0b20iOjAuMH0sIkJhY2tncm91bmQiOnsiJGlkIjoiNjMxIiwiQ29sb3IiOnsiJHJlZiI6IjYwMCJ9fSwiSXNWaXNpYmxlIjp0cnVlLCJXaWR0aCI6MC4wLCJIZWlnaHQiOjAuMCwiQm9yZGVyU3R5bGUiOnsiJGlkIjoiNjMyIiwiTGluZUNvbG9yIjpudWxsLCJMaW5lV2VpZ2h0IjowLjAsIkxpbmVUeXBlIjowLCJQYXJlbnRTdHlsZSI6bnVsbH0sIlBhcmVudFN0eWxlIjpudWxsfSwiRGF0ZUZvcm1hdCI6eyIkaWQiOiI2M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zIxIiwiQ29sb3IiOnsiJGlkIjoiNzIyIiwiQSI6MCwiUiI6MjU1LCJHIjoyNTUsIkIiOjI1NX19LCJJc1Zpc2libGUiOmZhbHNlLCJXaWR0aCI6MC4wLCJIZWlnaHQiOjAuMCwiQm9yZGVyU3R5bGUiOnsiJGlkIjoiNzIzIiwiTGluZUNvbG9yIjpudWxsLCJMaW5lV2VpZ2h0IjowLjAsIkxpbmVUeXBlIjowLCJQYXJlbnRTdHlsZSI6bnVsbH0sIlBhcmVudFN0eWxlIjpudWxsfSwiRGF0ZUZvcm1hdCI6eyIkaWQiOiI3M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GlkIjoiODYyIiwiQ29sb3IiOnsiJHJlZiI6IjgzMSJ9fSwiSXNWaXNpYmxlIjp0cnVlLCJXaWR0aCI6MC4wLCJIZWlnaHQiOjAuMCwiQm9yZGVyU3R5bGUiOnsiJGlkIjoiODYzIiwiTGluZUNvbG9yIjpudWxsLCJMaW5lV2VpZ2h0IjowLjAsIkxpbmVUeXBlIjowLCJQYXJlbnRTdHlsZSI6bnVsbH0sIlBhcmVudFN0eWxlIjpudWxsfSwiRGF0ZUZvcm1hdCI6eyIkaWQiOiI4N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MCIsIlRvcCI6MC4wLCJMZWZ0IjowLjAsIlJpZ2h0IjowLjAsIkJvdHRvbSI6MC4wfSwiUGFkZGluZyI6eyIkaWQiOiIxMDMxIiwiVG9wIjowLjAsIkxlZnQiOjAuMCwiUmlnaHQiOjAuMCwiQm90dG9tIjowLjB9LCJCYWNrZ3JvdW5kIjp7IiRpZCI6IjEwMzIiLCJDb2xvciI6eyIkcmVmIjoiMTAwMSJ9fSwiSXNWaXNpYmxlIjp0cnVlLCJXaWR0aCI6MC4wLCJIZWlnaHQiOjAuMCwiQm9yZGVyU3R5bGUiOnsiJGlkIjoiMTAzMyIsIkxpbmVDb2xvciI6bnVsbCwiTGluZVdlaWdodCI6MC4wLCJMaW5lVHlwZSI6MCwiUGFyZW50U3R5bGUiOm51bGx9LCJQYXJlbnRTdHlsZSI6bnVsbH0sIkRhdGVGb3JtYXQiOnsiJGlkIjoiMTA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zIiLCJUb3AiOjAuMCwiTGVmdCI6MC4wLCJSaWdodCI6MC4wLCJCb3R0b20iOjAuMH0sIlBhZGRpbmciOnsiJGlkIjoiMTE3MyIsIlRvcCI6MC4wLCJMZWZ0IjowLjAsIlJpZ2h0IjowLjAsIkJvdHRvbSI6MC4wfSwiQmFja2dyb3VuZCI6eyIkaWQiOiIxMTc0IiwiQ29sb3IiOnsiJHJlZiI6IjExNDMifX0sIklzVmlzaWJsZSI6dHJ1ZSwiV2lkdGgiOjAuMCwiSGVpZ2h0IjowLjAsIkJvcmRlclN0eWxlIjp7IiRpZCI6IjExNzUiLCJMaW5lQ29sb3IiOm51bGwsIkxpbmVXZWlnaHQiOjAuMCwiTGluZVR5cGUiOjAsIlBhcmVudFN0eWxlIjpudWxsfSwiUGFyZW50U3R5bGUiOm51bGx9LCJEYXRlRm9ybWF0Ijp7IiRpZCI6IjExNz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DIiLCJUb3AiOjAuMCwiTGVmdCI6MC4wLCJSaWdodCI6MC4wLCJCb3R0b20iOjAuMH0sIlBhZGRpbmciOnsiJGlkIjoiMTM0MyIsIlRvcCI6MC4wLCJMZWZ0IjowLjAsIlJpZ2h0IjowLjAsIkJvdHRvbSI6MC4wfSwiQmFja2dyb3VuZCI6eyIkaWQiOiIxMzQ0IiwiQ29sb3IiOnsiJHJlZiI6IjEzMTMifX0sIklzVmlzaWJsZSI6dHJ1ZSwiV2lkdGgiOjAuMCwiSGVpZ2h0IjowLjAsIkJvcmRlclN0eWxlIjp7IiRpZCI6IjEzNDUiLCJMaW5lQ29sb3IiOm51bGwsIkxpbmVXZWlnaHQiOjAuMCwiTGluZVR5cGUiOjAsIlBhcmVudFN0eWxlIjpudWxsfSwiUGFyZW50U3R5bGUiOm51bGx9LCJEYXRlRm9ybWF0Ijp7IiRpZCI6IjEzND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xNDM0IiwiQ29sb3IiOnsiJGlkIjoiMTQzNSIsIkEiOjAsIlIiOjI1NSwiRyI6MjU1LCJCIjoyNTV9fSwiSXNWaXNpYmxlIjpmYWxzZSwiV2lkdGgiOjAuMCwiSGVpZ2h0IjowLjAsIkJvcmRlclN0eWxlIjp7IiRpZCI6IjE0MzYiLCJMaW5lQ29sb3IiOm51bGwsIkxpbmVXZWlnaHQiOjAuMCwiTGluZVR5cGUiOjAsIlBhcmVudFN0eWxlIjpudWxsfSwiUGFyZW50U3R5bGUiOm51bGx9LCJEYXRlRm9ybWF0Ijp7IiRpZCI6IjE0M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E5IiwiVG9wIjowLjAsIkxlZnQiOjAuMCwiUmlnaHQiOjAuMCwiQm90dG9tIjowLjB9LCJQYWRkaW5nIjp7IiRpZCI6IjE2MjAiLCJUb3AiOjAuMCwiTGVmdCI6MC4wLCJSaWdodCI6MC4wLCJCb3R0b20iOjAuMH0sIkJhY2tncm91bmQiOnsiJGlkIjoiMTYyMSIsIkNvbG9yIjp7IiRyZWYiOiIxNTkwIn19LCJJc1Zpc2libGUiOnRydWUsIldpZHRoIjowLjAsIkhlaWdodCI6MC4wLCJCb3JkZXJTdHlsZSI6eyIkaWQiOiIxNjIyIiwiTGluZUNvbG9yIjpudWxsLCJMaW5lV2VpZ2h0IjowLjAsIkxpbmVUeXBlIjowLCJQYXJlbnRTdHlsZSI6bnVsbH0sIlBhcmVudFN0eWxlIjpudWxsfSwiRGF0ZUZvcm1hdCI6eyIkaWQiOiIxNjI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A3IiwiVG9wIjowLjAsIkxlZnQiOjAuMCwiUmlnaHQiOjAuMCwiQm90dG9tIjowLjB9LCJQYWRkaW5nIjp7IiRpZCI6IjE4MDgiLCJUb3AiOjAuMCwiTGVmdCI6MC4wLCJSaWdodCI6MC4wLCJCb3R0b20iOjAuMH0sIkJhY2tncm91bmQiOnsiJGlkIjoiMTgwOSIsIkNvbG9yIjp7IiRyZWYiOiIxNzc4In19LCJJc1Zpc2libGUiOnRydWUsIldpZHRoIjowLjAsIkhlaWdodCI6MC4wLCJCb3JkZXJTdHlsZSI6eyIkaWQiOiIxODEwIiwiTGluZUNvbG9yIjpudWxsLCJMaW5lV2VpZ2h0IjowLjAsIkxpbmVUeXBlIjowLCJQYXJlbnRTdHlsZSI6bnVsbH0sIlBhcmVudFN0eWxlIjpudWxsfSwiRGF0ZUZvcm1hdCI6eyIkaWQiOiIxODE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OTY0IiwiQ29sb3IiOnsiJGlkIjoiMTk2NSIsIkEiOjg5LCJSIjowLCJHIjowLCJCIjowfX0sIklzVmlzaWJsZSI6dHJ1ZSwiV2lkdGgiOjAuMCwiSGVpZ2h0IjowLjAsIkJvcmRlclN0eWxlIjpudWxsLCJQYXJlbnRTdHlsZSI6bnVsbH0sIkRhdGVTdHlsZSI6eyIkaWQiOiIxOTY2IiwiRm9udFNldHRpbmdzIjp7IiRpZCI6IjE5NjciLCJGb250U2l6ZSI6OSwiRm9udE5hbWUiOiJDYWxpYnJpIiwiSXNCb2xkIjpmYWxzZSwiSXNJdGFsaWMiOmZhbHNlLCJJc1VuZGVybGluZWQiOmZhbHNlLCJQYXJlbnRTdHlsZSI6bnVsbH0sIkF1dG9TaXplIjowLCJGb3JlZ3JvdW5kIjp7IiRpZCI6IjE5NjgiLCJDb2xvciI6eyIkaWQiOiIxOT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ifSwiUGFkZGluZyI6eyIkcmVmIjoiMzUifSwiQmFja2dyb3VuZCI6eyIkaWQiOiIxOTcwIiwiQ29sb3IiOnsiJHJlZiI6IjE5NjUifX0sIklzVmlzaWJsZSI6ZmFsc2UsIldpZHRoIjowLjAsIkhlaWdodCI6MC4wLCJCb3JkZXJTdHlsZSI6bnVsbCwiUGFyZW50U3R5bGUiOm51bGx9LCJEYXRlRm9ybWF0Ijp7IiRpZCI6IjE5Nz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xNCIsIlRvcCI6MC4wLCJMZWZ0IjowLjAsIlJpZ2h0IjowLjAsIkJvdHRvbSI6MC4wfSwiUGFkZGluZyI6eyIkaWQiOiIyMDE1IiwiVG9wIjowLjAsIkxlZnQiOjAuMCwiUmlnaHQiOjAuMCwiQm90dG9tIjowLjB9LCJCYWNrZ3JvdW5kIjp7IiRpZCI6IjIwMTYiLCJDb2xvciI6eyIkcmVmIjoiMTk2NSJ9fSwiSXNWaXNpYmxlIjp0cnVlLCJXaWR0aCI6MC4wLCJIZWlnaHQiOjAuMCwiQm9yZGVyU3R5bGUiOm51bGwsIlBhcmVudFN0eWxlIjpudWxsfSwiRGF0ZUZvcm1hdCI6eyIkaWQiOiIyMDE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xOCIsIkRhdGVQYXJ0SXNWaXNpYmxlIjpmYWxzZSwiVGltZVBhcnRJc1Zpc2libGUiOmZhbHNlfX0sIldlZWtOdW1iZXJpbmciOnsiJGlkIjoiMjAxOSIsIkZvcm1hdCI6MCwiSXNWaXNpYmxlIjpmYWxzZSwiTGFzdEtub3duVmlzaWJpbGl0eVN0YXRlIjpmYWxzZX0sIklzVmlzaWJsZSI6dHJ1ZSwiUGFyZW50U3R5bGUiOm51bGwsIl9leHBsaWNpdGx5U2V0Ijp7IiRpZCI6IjIwMj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IwNDQiLCJJbXBhT3B0aW9ucyI6bnVsbC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DQ1IiwiVXNlVGltZSI6ZmFsc2UsIldvcmtEYXlTdGFydCI6IjAwOjAwOjAwIiwiV29ya0RheUVuZCI6IjIzOjU5OjAwIn0sIkxhc3RVc2VkVGVtcGxhdGVJZCI6ImM4ZGQ5NjM3LTg5Y2MtNGRjOS05NTQwLWVhNGNmMmM5NTY5OCIsIkZpcnN0V2Vla09mWWVhciI6MCwiUGxhY2VNaWxlc3RvbmVBdFRoZUJlZ2lubmluZ09mVGhlRGF5IjpmYWxzZX0="/>
  <p:tag name="__MASTER" val="__part_0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4.615141955835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7-12-31T23:59:00.0000000Z"/>
  <p:tag name="OTLDURATIONFORMAT" val="day"/>
  <p:tag name="OTLSHAPETHICKNESSTYPE" val="Regular"/>
  <p:tag name="OTLSPACING" val="3"/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1-26T23:59:00.0000000"/>
  <p:tag name="OTLPOSITIONONTASK" val="Center"/>
  <p:tag name="OTLRELATEDTASKID" val="660f0e12-e7cf-47f5-a5e3-a7bb4eddf317"/>
  <p:tag name="OTLMTITLE" val="SJ-19"/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4-22T23:59:00.0000000"/>
  <p:tag name="OTLPOSITIONONTASK" val="Center"/>
  <p:tag name="OTLRELATEDTASKID" val="660f0e12-e7cf-47f5-a5e3-a7bb4eddf317"/>
  <p:tag name="OTLMTITLE" val="UP-21"/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3-22T23:59:00.0000000"/>
  <p:tag name="OTLPOSITIONONTASK" val="Center"/>
  <p:tag name="OTLRELATEDTASKID" val="660f0e12-e7cf-47f5-a5e3-a7bb4eddf317"/>
  <p:tag name="OTLMTITLE" val="ZL-26"/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9-07T23:59:00.0000000"/>
  <p:tag name="OTLPOSITIONONTASK" val="Center"/>
  <p:tag name="OTLRELATEDTASKID" val="660f0e12-e7cf-47f5-a5e3-a7bb4eddf317"/>
  <p:tag name="OTLMTITLE" val="BI-2"/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8-31T23:59:00.0000000"/>
  <p:tag name="OTLPOSITIONONTASK" val="Center"/>
  <p:tag name="OTLRELATEDTASKID" val="c441ecf5-d67d-4d6e-8723-6667fc6003f6"/>
  <p:tag name="OTLMTITLE" val="QY-17"/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5-12T23:59:00.0000000"/>
  <p:tag name="OTLPOSITIONONTASK" val="Center"/>
  <p:tag name="OTLRELATEDTASKID" val="c441ecf5-d67d-4d6e-8723-6667fc6003f6"/>
  <p:tag name="OTLMTITLE" val="JG-10"/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5-14T23:59:00.0000000"/>
  <p:tag name="OTLPOSITIONONTASK" val="Center"/>
  <p:tag name="OTLRELATEDTASKID" val="c441ecf5-d67d-4d6e-8723-6667fc6003f6"/>
  <p:tag name="OTLMTITLE" val="IU-9"/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8-28T23:59:00.0000000"/>
  <p:tag name="OTLPOSITIONONTASK" val="Center"/>
  <p:tag name="OTLRELATEDTASKID" val="c441ecf5-d67d-4d6e-8723-6667fc6003f6"/>
  <p:tag name="OTLMTITLE" val="RP-18"/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Center"/>
  <p:tag name="OTLRELATEDTASKID" val="7c438891-e0a4-4049-8d52-f97a7c8c1f13"/>
  <p:tag name="OTLMTITLE" val="QB-17"/>
  <p:tag name="OTLDATE" val="2022-11-24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0T00:00:00.0000000"/>
  <p:tag name="OTLENDDATE" val="2022-08-15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Center"/>
  <p:tag name="OTLRELATEDTASKID" val="7c438891-e0a4-4049-8d52-f97a7c8c1f13"/>
  <p:tag name="OTLMTITLE" val="HX-8"/>
  <p:tag name="OTLDATE" val="2024-11-07T23:59:00.0000000"/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7-01-29T23:59:00.0000000"/>
  <p:tag name="OTLPOSITIONONTASK" val="Center"/>
  <p:tag name="OTLRELATEDTASKID" val="7c438891-e0a4-4049-8d52-f97a7c8c1f13"/>
  <p:tag name="OTLMTITLE" val="ZL-28"/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Center"/>
  <p:tag name="OTLRELATEDTASKID" val="aa3fc692-449c-4d9a-b1e2-64e47452a018"/>
  <p:tag name="OTLMTITLE" val="LK-12"/>
  <p:tag name="OTLDATE" val="2023-11-30T23:59:00.0000000"/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27T23:59:00.0000000"/>
  <p:tag name="OTLPOSITIONONTASK" val="Center"/>
  <p:tag name="OTLRELATEDTASKID" val="aa3fc692-449c-4d9a-b1e2-64e47452a018"/>
  <p:tag name="OTLMTITLE" val="YM-25"/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5-24T23:59:00.0000000"/>
  <p:tag name="OTLPOSITIONONTASK" val="Center"/>
  <p:tag name="OTLRELATEDTASKID" val="aa3fc692-449c-4d9a-b1e2-64e47452a018"/>
  <p:tag name="OTLMTITLE" val="GZ-7"/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7-05-11T23:59:00.0000000"/>
  <p:tag name="OTLPOSITIONONTASK" val="Center"/>
  <p:tag name="OTLRELATEDTASKID" val="aa3fc692-449c-4d9a-b1e2-64e47452a018"/>
  <p:tag name="OTLMTITLE" val="UY-21"/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YS-25"/>
  <p:tag name="OTLDATE" val="2022-07-22T23:59:00.0000000"/>
  <p:tag name="OTLPOSITIONONTASK" val="Center"/>
  <p:tag name="OTLRELATEDTASKID" val="2aee5693-acc9-45d7-a932-44e5e602daa8"/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W-19"/>
  <p:tag name="OTLDATE" val="2023-11-25T23:59:00.0000000"/>
  <p:tag name="OTLPOSITIONONTASK" val="Center"/>
  <p:tag name="OTLRELATEDTASKID" val="2aee5693-acc9-45d7-a932-44e5e602daa8"/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R-8"/>
  <p:tag name="OTLDATE" val="2025-04-30T23:59:00.0000000"/>
  <p:tag name="OTLPOSITIONONTASK" val="Center"/>
  <p:tag name="OTLRELATEDTASKID" val="2aee5693-acc9-45d7-a932-44e5e602daa8"/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N-7"/>
  <p:tag name="OTLRELATEDTASKID" val="2aee5693-acc9-45d7-a932-44e5e602daa8"/>
  <p:tag name="OTLPOSITIONONTASK" val="Center"/>
  <p:tag name="OTLDATE" val="2027-02-04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16T00:00:00.0000000"/>
  <p:tag name="OTLENDDATE" val="2022-10-15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N-16"/>
  <p:tag name="OTLDATE" val="2022-05-05T23:59:00.0000000"/>
  <p:tag name="OTLPOSITIONONTASK" val="Center"/>
  <p:tag name="OTLRELATEDTASKID" val="16b6f768-d4f0-4d12-b853-f90ff4334173"/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F-7"/>
  <p:tag name="OTLPOSITIONONTASK" val="Center"/>
  <p:tag name="OTLRELATEDTASKID" val="16b6f768-d4f0-4d12-b853-f90ff4334173"/>
  <p:tag name="OTLDATE" val="2024-05-23T23:59:00.0000000"/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ZO-26"/>
  <p:tag name="OTLDATE" val="2026-07-30T23:59:00.0000000"/>
  <p:tag name="OTLPOSITIONONTASK" val="Center"/>
  <p:tag name="OTLRELATEDTASKID" val="16b6f768-d4f0-4d12-b853-f90ff4334173"/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R-3"/>
  <p:tag name="OTLDATE" val="2027-10-21T23:59:00.0000000"/>
  <p:tag name="OTLPOSITIONONTASK" val="Center"/>
  <p:tag name="OTLRELATEDTASKID" val="16b6f768-d4f0-4d12-b853-f90ff4334173"/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-20"/>
  <p:tag name="OTLPOSITIONONTASK" val="Center"/>
  <p:tag name="OTLRELATEDTASKID" val="7e6d4cde-ed74-4614-b09f-163b3f696ddc"/>
  <p:tag name="OTLDATE" val="2023-11-05T23:59:00.0000000"/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-4"/>
  <p:tag name="OTLDATE" val="2026-05-03T23:59:00.0000000"/>
  <p:tag name="OTLPOSITIONONTASK" val="Center"/>
  <p:tag name="OTLRELATEDTASKID" val="7e6d4cde-ed74-4614-b09f-163b3f696ddc"/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-1"/>
  <p:tag name="OTLDATE" val="2027-03-05T23:59:00.0000000"/>
  <p:tag name="OTLPOSITIONONTASK" val="Center"/>
  <p:tag name="OTLRELATEDTASKID" val="7e6d4cde-ed74-4614-b09f-163b3f696ddc"/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P-8"/>
  <p:tag name="OTLPOSITIONONTASK" val="Center"/>
  <p:tag name="OTLRELATEDTASKID" val="eaf9c0a3-fa0e-4e90-addd-c9266b96fb16"/>
  <p:tag name="OTLMARKERSHAPE" val="OTL"/>
  <p:tag name="OTLDATE" val="2022-11-17T23:59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W-10"/>
  <p:tag name="OTLDATE" val="2024-08-27T23:59:00.0000000"/>
  <p:tag name="OTLPOSITIONONTASK" val="Center"/>
  <p:tag name="OTLRELATEDTASKID" val="eaf9c0a3-fa0e-4e90-addd-c9266b96fb16"/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E-22"/>
  <p:tag name="OTLDATE" val="2025-05-20T23:59:00.0000000"/>
  <p:tag name="OTLPOSITIONONTASK" val="Center"/>
  <p:tag name="OTLRELATEDTASKID" val="eaf9c0a3-fa0e-4e90-addd-c9266b96fb16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16T00:00:00.0000000"/>
  <p:tag name="OTLDURATIONFORMAT" val="day"/>
  <p:tag name="OTLSPACING" val="3"/>
  <p:tag name="OTLENDDATE" val="2022-11-29T23:59:00.0000000Z"/>
  <p:tag name="OTLSHAPETHICKNESSTYPE" val="Regular"/>
  <p:tag name="OTLPERCENTAGE" val="100"/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C-20"/>
  <p:tag name="OTLDATE" val="2027-06-25T23:59:00.0000000"/>
  <p:tag name="OTLPOSITIONONTASK" val="Center"/>
  <p:tag name="OTLRELATEDTASKID" val="eaf9c0a3-fa0e-4e90-addd-c9266b96fb16"/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T-10"/>
  <p:tag name="OTLDATE" val="2023-08-17T23:59:00.0000000"/>
  <p:tag name="OTLPOSITIONONTASK" val="Center"/>
  <p:tag name="OTLRELATEDTASKID" val="10acd3e3-f310-407a-be0f-eb4cef0058c6"/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Z-11"/>
  <p:tag name="OTLDATE" val="2024-02-11T23:59:00.0000000"/>
  <p:tag name="OTLPOSITIONONTASK" val="Center"/>
  <p:tag name="OTLRELATEDTASKID" val="10acd3e3-f310-407a-be0f-eb4cef0058c6"/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XO-24"/>
  <p:tag name="OTLDATE" val="2024-11-04T23:59:00.0000000"/>
  <p:tag name="OTLPOSITIONONTASK" val="Center"/>
  <p:tag name="OTLRELATEDTASKID" val="10acd3e3-f310-407a-be0f-eb4cef0058c6"/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C-15"/>
  <p:tag name="OTLRELATEDTASKID" val="10acd3e3-f310-407a-be0f-eb4cef0058c6"/>
  <p:tag name="OTLPOSITIONONTASK" val="Center"/>
  <p:tag name="OTLDATE" val="2026-01-31T23:59:00.0000000"/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X-13"/>
  <p:tag name="OTLRELATEDTASKID" val="10acd3e3-f310-407a-be0f-eb4cef0058c6"/>
  <p:tag name="OTLPOSITIONONTASK" val="Center"/>
  <p:tag name="OTLDATE" val="2026-11-25T23:59:00.0000000"/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O-21"/>
  <p:tag name="OTLDATE" val="2027-04-02T23:59:00.0000000"/>
  <p:tag name="OTLRELATEDTASKID" val="10acd3e3-f310-407a-be0f-eb4cef0058c6"/>
  <p:tag name="OTLPOSITIONONTASK" val="Center"/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N-20"/>
  <p:tag name="OTLDATE" val="2022-04-15T23:59:00.0000000"/>
  <p:tag name="OTLPOSITIONONTASK" val="Center"/>
  <p:tag name="OTLRELATEDTASKID" val="b6ed484e-93be-44ea-81d2-0e344e69ec26"/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D-22"/>
  <p:tag name="OTLDATE" val="2023-10-12T23:59:00.0000000"/>
  <p:tag name="OTLPOSITIONONTASK" val="Center"/>
  <p:tag name="OTLRELATEDTASKID" val="b6ed484e-93be-44ea-81d2-0e344e69ec26"/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Q-9"/>
  <p:tag name="OTLDATE" val="2024-03-23T23:59:00.0000000"/>
  <p:tag name="OTLPOSITIONONTASK" val="Center"/>
  <p:tag name="OTLRELATEDTASKID" val="b6ed484e-93be-44ea-81d2-0e344e69ec26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1T23:59:00.0000000Z"/>
  <p:tag name="OTLENDDATE" val="2022-12-31T23:59:00.0000000Z"/>
  <p:tag name="OTLDURATIONFORMAT" val="day"/>
  <p:tag name="OTLSPACING" val="3"/>
  <p:tag name="OTLSHAPETHICKNESSTYPE" val="Regular"/>
  <p:tag name="OTLPERCENTAGE" val="80"/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R-22"/>
  <p:tag name="OTLDATE" val="2025-03-15T23:59:00.0000000"/>
  <p:tag name="OTLPOSITIONONTASK" val="Center"/>
  <p:tag name="OTLRELATEDTASKID" val="b6ed484e-93be-44ea-81d2-0e344e69ec26"/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C-17"/>
  <p:tag name="OTLDATE" val="2026-07-26T23:59:00.0000000"/>
  <p:tag name="OTLPOSITIONONTASK" val="Center"/>
  <p:tag name="OTLRELATEDTASKID" val="b6ed484e-93be-44ea-81d2-0e344e69ec26"/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00:00:00.0000000Z"/>
  <p:tag name="OTLENDDATE" val="2023-03-31T23:59:00.0000000Z"/>
  <p:tag name="OTLDURATIONFORMAT" val="day"/>
  <p:tag name="OTLSPACING" val="3"/>
  <p:tag name="OTLSHAPETHICKNESSTYPE" val="Regular"/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00:00:00.0000000Z"/>
  <p:tag name="OTLDURATIONFORMAT" val="day"/>
  <p:tag name="OTLSPACING" val="3"/>
  <p:tag name="OTLENDDATE" val="2023-04-29T23:59:00.0000000Z"/>
  <p:tag name="OTLSHAPETHICKNESSTYPE" val="Regular"/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1T00:00:00.0000000Z"/>
  <p:tag name="OTLENDDATE" val="2022-02-28T23:59:00.0000000Z"/>
  <p:tag name="OTLDURATIONFORMAT" val="day"/>
  <p:tag name="OTLSPACING" val="3"/>
  <p:tag name="OTLSHAPETHICKNESSTYPE" val="Regular"/>
  <p:tag name="OTLPERCENTAGE" val="100"/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Z"/>
  <p:tag name="OTLENDDATE" val="2022-05-31T23:59:00.0000000Z"/>
  <p:tag name="OTLDURATIONFORMAT" val="day"/>
  <p:tag name="OTLSPACING" val="3"/>
  <p:tag name="OTLSHAPETHICKNESSTYPE" val="Regular"/>
  <p:tag name="OTLPERCENTAGE" val="100"/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DURATIONFORMAT" val="day"/>
  <p:tag name="OTLSPACING" val="3"/>
  <p:tag name="OTLENDDATE" val="2022-07-30T23:59:00.0000000Z"/>
  <p:tag name="OTLSHAPETHICKNESSTYPE" val="Regular"/>
  <p:tag name="OTLPERCENTAGE" val="1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1T23:59:00.0000000Z"/>
  <p:tag name="OTLENDDATE" val="2023-06-15T23:59:00.0000000Z"/>
  <p:tag name="OTLDURATIONFORMAT" val="day"/>
  <p:tag name="OTLSPACING" val="3"/>
  <p:tag name="OTLSHAPETHICKNESSTYPE" val="Regular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6T00:00:00.0000000Z"/>
  <p:tag name="OTLENDDATE" val="2023-11-30T23:59:00.0000000Z"/>
  <p:tag name="OTLDURATIONFORMAT" val="day"/>
  <p:tag name="OTLSPACING" val="3"/>
  <p:tag name="OTLSHAPETHICKNESSTYPE" val="Regular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2-01T00:00:00.0000000Z"/>
  <p:tag name="OTLDURATIONFORMAT" val="day"/>
  <p:tag name="OTLSPACING" val="3"/>
  <p:tag name="OTLENDDATE" val="2024-02-28T23:59:00.0000000Z"/>
  <p:tag name="OTLSHAPETHICKNESSTYPE" val="Regular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1-31T23:59:00.0000000Z"/>
  <p:tag name="OTLDURATIONFORMAT" val="day"/>
  <p:tag name="OTLSPACING" val="3"/>
  <p:tag name="OTLSTARTDATE" val="2022-02-20T00:00:00.0000000Z"/>
  <p:tag name="OTLSHAPETHICKNESSTYPE" val="Regular"/>
  <p:tag name="OTLPERCENTAGE" val="8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01T00:00:00.0000000Z"/>
  <p:tag name="OTLENDDATE" val="2023-07-15T23:59:00.0000000Z"/>
  <p:tag name="OTLDURATIONFORMAT" val="day"/>
  <p:tag name="OTLSPACING" val="3"/>
  <p:tag name="OTLSHAPETHICKNESSTYPE" val="Regular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16T00:00:00.0000000Z"/>
  <p:tag name="OTLENDDATE" val="2023-09-29T23:59:00.0000000Z"/>
  <p:tag name="OTLDURATIONFORMAT" val="day"/>
  <p:tag name="OTLSPACING" val="3"/>
  <p:tag name="OTLSHAPETHICKNESSTYPE" val="Regular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2-31T23:59:00.0000000Z"/>
  <p:tag name="OTLDURATIONFORMAT" val="day"/>
  <p:tag name="OTLSPACING" val="3"/>
  <p:tag name="OTLSTARTDATE" val="2022-05-01T00:00:00.0000000Z"/>
  <p:tag name="OTLSHAPETHICKNESSTYPE" val="Regular"/>
  <p:tag name="OTLPERCENTAGE" val="7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7-31T23:59:00.0000000Z"/>
  <p:tag name="OTLDURATIONFORMAT" val="day"/>
  <p:tag name="OTLSPACING" val="3"/>
  <p:tag name="OTLSTARTDATE" val="2023-01-01T00:00:00.0000000Z"/>
  <p:tag name="OTLSHAPETHICKNESSTYPE" val="Regular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11-14T23:59:00.0000000Z"/>
  <p:tag name="OTLDURATIONFORMAT" val="day"/>
  <p:tag name="OTLSPACING" val="3"/>
  <p:tag name="OTLSTARTDATE" val="2023-08-01T00:00:00.0000000Z"/>
  <p:tag name="OTLSHAPETHICKNESSTYPE" val="Regular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6-30T23:59:00.0000000Z"/>
  <p:tag name="OTLDURATIONFORMAT" val="day"/>
  <p:tag name="OTLSPACING" val="3"/>
  <p:tag name="OTLSTARTDATE" val="2022-02-01T00:00:00.0000000Z"/>
  <p:tag name="OTLSHAPETHICKNESSTYPE" val="Regular"/>
  <p:tag name="OTLPERCENTAGE" val="1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9-30T23:59:00.0000000Z"/>
  <p:tag name="OTLDURATIONFORMAT" val="day"/>
  <p:tag name="OTLSPACING" val="3"/>
  <p:tag name="OTLSTARTDATE" val="2022-07-01T00:00:00.0000000Z"/>
  <p:tag name="OTLSHAPETHICKNESSTYPE" val="Regular"/>
  <p:tag name="OTLPERCENTAGE" val="1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1-29T23:59:00.0000000Z"/>
  <p:tag name="OTLDURATIONFORMAT" val="day"/>
  <p:tag name="OTLSPACING" val="3"/>
  <p:tag name="OTLSTARTDATE" val="2022-10-01T00:00:00.0000000Z"/>
  <p:tag name="OTLSHAPETHICKNESSTYPE" val="Regular"/>
  <p:tag name="OTLPERCENTAGE" val="1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8-31T23:59:00.0000000Z"/>
  <p:tag name="OTLDURATIONFORMAT" val="day"/>
  <p:tag name="OTLSPACING" val="3"/>
  <p:tag name="OTLSTARTDATE" val="2021-10-01T00:00:00.0000000Z"/>
  <p:tag name="OTLSHAPETHICKNESSTYPE" val="Regular"/>
  <p:tag name="OTLPERCENTAGE" val="1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1-31T23:59:00.0000000Z"/>
  <p:tag name="OTLDURATIONFORMAT" val="day"/>
  <p:tag name="OTLSPACING" val="3"/>
  <p:tag name="OTLSTARTDATE" val="2022-09-01T00:00:00.0000000Z"/>
  <p:tag name="OTLSHAPETHICKNESSTYPE" val="Regular"/>
  <p:tag name="OTLPERCENTAGE" val="4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4-29T23:59:00.0000000Z"/>
  <p:tag name="OTLDURATIONFORMAT" val="day"/>
  <p:tag name="OTLSPACING" val="3"/>
  <p:tag name="OTLSTARTDATE" val="2023-02-01T00:00:00.0000000Z"/>
  <p:tag name="OTLSHAPETHICKNESSTYPE" val="Regular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pgrade Live"/>
  <p:tag name="OTLDATE" val="2023-09-30T23:59:00.0000000"/>
  <p:tag name="OTLPOSITIONONTASK" val="None"/>
  <p:tag name="OTLRELATEDTASKID" val="00000000-0000-0000-0000-00000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pgrade Live"/>
  <p:tag name="OTLPOSITIONONTASK" val="None"/>
  <p:tag name="OTLRELATEDTASKID" val="00000000-0000-0000-0000-000000000000"/>
  <p:tag name="OTLDATE" val="2023-11-15T00:00:00.0000000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pgrade Live"/>
  <p:tag name="OTLPOSITIONONTASK" val="None"/>
  <p:tag name="OTLRELATEDTASKID" val="00000000-0000-0000-0000-000000000000"/>
  <p:tag name="OTLDATE" val="2022-11-30T00:00:00.0000000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pgrade Live"/>
  <p:tag name="OTLPOSITIONONTASK" val="None"/>
  <p:tag name="OTLRELATEDTASKID" val="00000000-0000-0000-0000-000000000000"/>
  <p:tag name="OTLDATE" val="2023-04-30T00:00:00.0000000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pgrade Live"/>
  <p:tag name="OTLDATE" val="2022-11-30T23:59:00.0000000"/>
  <p:tag name="OTLPOSITIONONTASK" val="None"/>
  <p:tag name="OTLRELATEDTASKID" val="00000000-0000-0000-0000-000000000000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pgrade Live"/>
  <p:tag name="OTLDATE" val="2023-04-30T23:59:00.0000000"/>
  <p:tag name="OTLPOSITIONONTASK" val="None"/>
  <p:tag name="OTLRELATEDTASKID" val="00000000-0000-0000-0000-000000000000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pgrade Live"/>
  <p:tag name="OTLDATE" val="2022-07-31T23:59:00.0000000"/>
  <p:tag name="OTLPOSITIONONTASK" val="None"/>
  <p:tag name="OTLRELATEDTASKID" val="00000000-0000-0000-0000-000000000000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pgrade Live"/>
  <p:tag name="OTLDATE" val="2024-02-29T23:59:00.0000000"/>
  <p:tag name="OTLPOSITIONONTASK" val="None"/>
  <p:tag name="OTLRELATEDTASKID" val="00000000-0000-0000-0000-00000000000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03</Words>
  <Application>Microsoft Office PowerPoint</Application>
  <PresentationFormat>Widescreen</PresentationFormat>
  <Paragraphs>237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3-22T10:18:16Z</dcterms:created>
  <dcterms:modified xsi:type="dcterms:W3CDTF">2022-03-22T10:18:30Z</dcterms:modified>
</cp:coreProperties>
</file>